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X:\ユーザ作業用フォルダ\da0013（税財政企画Ｇ）\02 調査ライン\03 公会計\令和2年度\04.公表資料\02.統一的な基準\03_プレス\ホームページ使用データ一式\Excel\"/>
    </mc:Choice>
  </mc:AlternateContent>
  <bookViews>
    <workbookView xWindow="0" yWindow="0" windowWidth="20490" windowHeight="8460"/>
  </bookViews>
  <sheets>
    <sheet name="有形固定資産の明細（連結）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</externalReferences>
  <definedNames>
    <definedName name="CTI番号">#REF!</definedName>
    <definedName name="DB型２">[2]リスト!$A$2:$A$4</definedName>
    <definedName name="FAX番号">#REF!</definedName>
    <definedName name="FDDW0012new">[3]リスト!$A$2:$A$4</definedName>
    <definedName name="fffff">[4]リスト!$A$2:$A$4</definedName>
    <definedName name="_xlnm.Print_Area" localSheetId="0">'有形固定資産の明細（連結）'!$A$1:$M$30</definedName>
    <definedName name="UI変更有無">#REF!</definedName>
    <definedName name="エスカレーション担当者">#REF!</definedName>
    <definedName name="エスカレーション日時">#REF!</definedName>
    <definedName name="オンライン障害">#REF!</definedName>
    <definedName name="カテゴリ１">#REF!</definedName>
    <definedName name="カテゴリ２">#REF!</definedName>
    <definedName name="カテゴリ３">#REF!</definedName>
    <definedName name="グループ">#REF!</definedName>
    <definedName name="ご連絡先">#REF!</definedName>
    <definedName name="チェックフラグ">#REF!</definedName>
    <definedName name="データパッチ">#REF!</definedName>
    <definedName name="プログラム修正">#REF!</definedName>
    <definedName name="リリース日">#REF!</definedName>
    <definedName name="運用SE受領日時">#REF!</definedName>
    <definedName name="運用SE担当者">#REF!</definedName>
    <definedName name="影響範囲">#REF!</definedName>
    <definedName name="画面ID">#REF!</definedName>
    <definedName name="画面名">#REF!</definedName>
    <definedName name="回復確認日時">#REF!</definedName>
    <definedName name="確認担当者">#REF!</definedName>
    <definedName name="勘定科目テーブル">[5]勘定科目!$A$7:$X$577</definedName>
    <definedName name="管理番号">#REF!</definedName>
    <definedName name="件名">#REF!</definedName>
    <definedName name="原因分類">#REF!</definedName>
    <definedName name="公開不可">#REF!</definedName>
    <definedName name="作業日時開始">#REF!</definedName>
    <definedName name="作業日時終了">#REF!</definedName>
    <definedName name="受付区分">#REF!</definedName>
    <definedName name="受付時間">#REF!</definedName>
    <definedName name="受付日">#REF!</definedName>
    <definedName name="受付日時">#REF!</definedName>
    <definedName name="収入未済">#REF!</definedName>
    <definedName name="所属">#REF!</definedName>
    <definedName name="詳細コード">#REF!</definedName>
    <definedName name="障害発生日時">#REF!</definedName>
    <definedName name="状態">#REF!</definedName>
    <definedName name="職員番号">#REF!</definedName>
    <definedName name="職員名">#REF!</definedName>
    <definedName name="切り分け完了日時">#REF!</definedName>
    <definedName name="切り分け担当者">#REF!</definedName>
    <definedName name="対応サブシステムコード">#REF!</definedName>
    <definedName name="対応サブシステム名">#REF!</definedName>
    <definedName name="対応システムコード">#REF!</definedName>
    <definedName name="対応システム名">#REF!</definedName>
    <definedName name="対応策">#REF!</definedName>
    <definedName name="対応策立案日時">#REF!</definedName>
    <definedName name="対応変更結果">#REF!</definedName>
    <definedName name="担当Ope">#REF!</definedName>
    <definedName name="担当者">#REF!</definedName>
    <definedName name="調査結果内容">#REF!</definedName>
    <definedName name="調査内容">#REF!</definedName>
    <definedName name="適用日">#REF!</definedName>
    <definedName name="電話番号">#REF!</definedName>
    <definedName name="内線">#REF!</definedName>
    <definedName name="納期設定">#REF!</definedName>
    <definedName name="表示金額単位">'[6]設定シート(概要版)'!$A$22:$A$27</definedName>
    <definedName name="表示金額単位先頭">'[6]設定シート(概要版)'!$A$22</definedName>
    <definedName name="表示金額単位表">'[6]設定シート(概要版)'!$A$22:$C$27</definedName>
    <definedName name="部署">#REF!</definedName>
    <definedName name="変更環境">#REF!</definedName>
    <definedName name="変更情報変更点">#REF!</definedName>
    <definedName name="変更内容">#REF!</definedName>
    <definedName name="凡例">[7]リスト!$B$2:$B$8</definedName>
    <definedName name="問合せ区分">#REF!</definedName>
    <definedName name="有り無し">[7]リスト!$A$2:$A$3</definedName>
    <definedName name="立案担当者">#REF!</definedName>
    <definedName name="連絡事項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4" uniqueCount="31">
  <si>
    <t>【様式第５号】</t>
    <rPh sb="3" eb="4">
      <t>ダイ</t>
    </rPh>
    <rPh sb="5" eb="6">
      <t>ゴウ</t>
    </rPh>
    <phoneticPr fontId="3"/>
  </si>
  <si>
    <t>連結附属明細書</t>
    <rPh sb="0" eb="2">
      <t>レンケツ</t>
    </rPh>
    <rPh sb="2" eb="4">
      <t>フゾク</t>
    </rPh>
    <rPh sb="4" eb="7">
      <t>メイサイショ</t>
    </rPh>
    <phoneticPr fontId="3"/>
  </si>
  <si>
    <t>１．連結貸借対照表の内容に関する明細</t>
    <rPh sb="2" eb="4">
      <t>レンケツ</t>
    </rPh>
    <rPh sb="4" eb="6">
      <t>タイシャク</t>
    </rPh>
    <rPh sb="6" eb="9">
      <t>タイショウヒョウ</t>
    </rPh>
    <rPh sb="10" eb="12">
      <t>ナイヨウ</t>
    </rPh>
    <rPh sb="13" eb="14">
      <t>カン</t>
    </rPh>
    <rPh sb="16" eb="18">
      <t>メイサイ</t>
    </rPh>
    <phoneticPr fontId="3"/>
  </si>
  <si>
    <t>　※下記以外の資産及び負債のうち、その額が資産総額の100分の5を超える科目についても作成する。</t>
    <rPh sb="2" eb="4">
      <t>カキ</t>
    </rPh>
    <rPh sb="4" eb="6">
      <t>イガイ</t>
    </rPh>
    <rPh sb="7" eb="9">
      <t>シサン</t>
    </rPh>
    <rPh sb="9" eb="10">
      <t>オヨ</t>
    </rPh>
    <rPh sb="11" eb="13">
      <t>フサイ</t>
    </rPh>
    <rPh sb="19" eb="20">
      <t>ガク</t>
    </rPh>
    <rPh sb="21" eb="23">
      <t>シサン</t>
    </rPh>
    <rPh sb="23" eb="25">
      <t>ソウガク</t>
    </rPh>
    <rPh sb="29" eb="30">
      <t>ブン</t>
    </rPh>
    <rPh sb="33" eb="34">
      <t>コ</t>
    </rPh>
    <rPh sb="36" eb="38">
      <t>カモク</t>
    </rPh>
    <rPh sb="43" eb="45">
      <t>サクセイ</t>
    </rPh>
    <phoneticPr fontId="3"/>
  </si>
  <si>
    <t>（１）資産項目の明細</t>
    <rPh sb="3" eb="5">
      <t>シサン</t>
    </rPh>
    <rPh sb="5" eb="7">
      <t>コウモク</t>
    </rPh>
    <rPh sb="8" eb="10">
      <t>メイサイ</t>
    </rPh>
    <phoneticPr fontId="3"/>
  </si>
  <si>
    <t>連結</t>
    <rPh sb="0" eb="2">
      <t>レンケツ</t>
    </rPh>
    <phoneticPr fontId="8"/>
  </si>
  <si>
    <t>有形固定資産の明細</t>
    <rPh sb="0" eb="2">
      <t>ユウケイ</t>
    </rPh>
    <rPh sb="2" eb="4">
      <t>コテイ</t>
    </rPh>
    <rPh sb="4" eb="6">
      <t>シサン</t>
    </rPh>
    <rPh sb="7" eb="9">
      <t>メイサイ</t>
    </rPh>
    <phoneticPr fontId="3"/>
  </si>
  <si>
    <t>（単位：百万円）</t>
    <rPh sb="1" eb="3">
      <t>タンイ</t>
    </rPh>
    <rPh sb="4" eb="7">
      <t>ヒャクマンエン</t>
    </rPh>
    <phoneticPr fontId="3"/>
  </si>
  <si>
    <t>区分</t>
    <rPh sb="0" eb="2">
      <t>クブン</t>
    </rPh>
    <phoneticPr fontId="3"/>
  </si>
  <si>
    <t>前年度末残高
（A）</t>
    <rPh sb="0" eb="3">
      <t>ゼンネンド</t>
    </rPh>
    <rPh sb="3" eb="4">
      <t>マツ</t>
    </rPh>
    <rPh sb="4" eb="6">
      <t>ザンダカ</t>
    </rPh>
    <phoneticPr fontId="8"/>
  </si>
  <si>
    <t>本年度末残高
（B)</t>
    <rPh sb="0" eb="3">
      <t>ホンネンド</t>
    </rPh>
    <rPh sb="3" eb="4">
      <t>マツ</t>
    </rPh>
    <rPh sb="4" eb="6">
      <t>ザンダカ</t>
    </rPh>
    <phoneticPr fontId="8"/>
  </si>
  <si>
    <t>本年度末
減価償却累計額
（C)</t>
    <rPh sb="0" eb="1">
      <t>ホン</t>
    </rPh>
    <rPh sb="1" eb="4">
      <t>ネンドマツ</t>
    </rPh>
    <rPh sb="5" eb="7">
      <t>ゲンカ</t>
    </rPh>
    <rPh sb="7" eb="9">
      <t>ショウキャク</t>
    </rPh>
    <rPh sb="9" eb="12">
      <t>ルイケイガク</t>
    </rPh>
    <phoneticPr fontId="8"/>
  </si>
  <si>
    <t>本年度末
減損損失累計額
（D)</t>
    <rPh sb="0" eb="3">
      <t>ホンネンド</t>
    </rPh>
    <rPh sb="3" eb="4">
      <t>マツ</t>
    </rPh>
    <rPh sb="5" eb="7">
      <t>ゲンソン</t>
    </rPh>
    <rPh sb="7" eb="9">
      <t>ソンシツ</t>
    </rPh>
    <rPh sb="9" eb="11">
      <t>ルイケイ</t>
    </rPh>
    <rPh sb="11" eb="12">
      <t>ガク</t>
    </rPh>
    <phoneticPr fontId="8"/>
  </si>
  <si>
    <t>差引本年度末残高
（B)-（C)-（D)
（E)</t>
    <rPh sb="0" eb="2">
      <t>サシヒキ</t>
    </rPh>
    <rPh sb="2" eb="5">
      <t>ホンネンド</t>
    </rPh>
    <rPh sb="5" eb="6">
      <t>マツ</t>
    </rPh>
    <rPh sb="6" eb="8">
      <t>ザンダカ</t>
    </rPh>
    <phoneticPr fontId="3"/>
  </si>
  <si>
    <t xml:space="preserve"> 事業用資産</t>
    <rPh sb="1" eb="4">
      <t>ジギョウヨウ</t>
    </rPh>
    <rPh sb="4" eb="6">
      <t>シサン</t>
    </rPh>
    <phoneticPr fontId="3"/>
  </si>
  <si>
    <t>　  土地</t>
    <rPh sb="3" eb="5">
      <t>トチ</t>
    </rPh>
    <phoneticPr fontId="8"/>
  </si>
  <si>
    <t>　　立木竹</t>
    <rPh sb="2" eb="4">
      <t>タチキ</t>
    </rPh>
    <rPh sb="4" eb="5">
      <t>タケ</t>
    </rPh>
    <phoneticPr fontId="3"/>
  </si>
  <si>
    <t>　　建物</t>
    <rPh sb="2" eb="4">
      <t>タテモノ</t>
    </rPh>
    <phoneticPr fontId="8"/>
  </si>
  <si>
    <t>　　工作物</t>
    <rPh sb="2" eb="5">
      <t>コウサクブツ</t>
    </rPh>
    <phoneticPr fontId="8"/>
  </si>
  <si>
    <t>　　船舶</t>
    <rPh sb="2" eb="4">
      <t>センパク</t>
    </rPh>
    <phoneticPr fontId="3"/>
  </si>
  <si>
    <t>　　浮標等</t>
    <rPh sb="2" eb="4">
      <t>フヒョウ</t>
    </rPh>
    <rPh sb="4" eb="5">
      <t>ナド</t>
    </rPh>
    <phoneticPr fontId="3"/>
  </si>
  <si>
    <t>　　航空機</t>
    <rPh sb="2" eb="5">
      <t>コウクウキ</t>
    </rPh>
    <phoneticPr fontId="3"/>
  </si>
  <si>
    <t>　　その他</t>
    <rPh sb="4" eb="5">
      <t>タ</t>
    </rPh>
    <phoneticPr fontId="8"/>
  </si>
  <si>
    <t>　　建設仮勘定</t>
    <rPh sb="2" eb="4">
      <t>ケンセツ</t>
    </rPh>
    <rPh sb="4" eb="7">
      <t>カリカンジョウ</t>
    </rPh>
    <phoneticPr fontId="3"/>
  </si>
  <si>
    <t xml:space="preserve"> インフラ資産</t>
    <rPh sb="5" eb="7">
      <t>シサン</t>
    </rPh>
    <phoneticPr fontId="3"/>
  </si>
  <si>
    <t>　　土地</t>
    <rPh sb="2" eb="4">
      <t>トチ</t>
    </rPh>
    <phoneticPr fontId="8"/>
  </si>
  <si>
    <t>　　建物</t>
    <rPh sb="2" eb="4">
      <t>タテモノ</t>
    </rPh>
    <phoneticPr fontId="3"/>
  </si>
  <si>
    <t xml:space="preserve"> 物品</t>
    <rPh sb="1" eb="3">
      <t>ブッピン</t>
    </rPh>
    <phoneticPr fontId="8"/>
  </si>
  <si>
    <t>合計</t>
    <rPh sb="0" eb="2">
      <t>ゴウケイ</t>
    </rPh>
    <phoneticPr fontId="8"/>
  </si>
  <si>
    <t>※百万円未満を四捨五入しているため、表中の内訳と合計が一致しない場合があります</t>
    <rPh sb="1" eb="2">
      <t>ヒャク</t>
    </rPh>
    <rPh sb="2" eb="4">
      <t>マンエン</t>
    </rPh>
    <rPh sb="4" eb="6">
      <t>ミマン</t>
    </rPh>
    <rPh sb="7" eb="11">
      <t>シシャゴニュウ</t>
    </rPh>
    <rPh sb="18" eb="20">
      <t>ヒョウチュウ</t>
    </rPh>
    <rPh sb="21" eb="23">
      <t>ウチワケ</t>
    </rPh>
    <rPh sb="24" eb="26">
      <t>ゴウケイ</t>
    </rPh>
    <rPh sb="27" eb="29">
      <t>イッチ</t>
    </rPh>
    <rPh sb="32" eb="34">
      <t>バアイ</t>
    </rPh>
    <phoneticPr fontId="8"/>
  </si>
  <si>
    <t>※「－」は金額が存在しないもの、「0」は四捨五入の結果百万円未満のものを表しています</t>
    <rPh sb="5" eb="7">
      <t>キンガク</t>
    </rPh>
    <rPh sb="8" eb="10">
      <t>ソンザイ</t>
    </rPh>
    <rPh sb="20" eb="24">
      <t>シシャゴニュウ</t>
    </rPh>
    <rPh sb="25" eb="27">
      <t>ケッカ</t>
    </rPh>
    <rPh sb="27" eb="29">
      <t>ヒャクマン</t>
    </rPh>
    <rPh sb="29" eb="30">
      <t>エン</t>
    </rPh>
    <rPh sb="30" eb="32">
      <t>ミマン</t>
    </rPh>
    <rPh sb="36" eb="37">
      <t>アラワ</t>
    </rPh>
    <phoneticPr fontId="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41" formatCode="_ * #,##0_ ;_ * \-#,##0_ ;_ * &quot;-&quot;_ ;_ @_ "/>
    <numFmt numFmtId="176" formatCode="#,##0,,_ "/>
  </numFmts>
  <fonts count="16" x14ac:knownFonts="1">
    <font>
      <sz val="11"/>
      <color theme="1"/>
      <name val="游ゴシック"/>
      <family val="2"/>
      <charset val="128"/>
      <scheme val="minor"/>
    </font>
    <font>
      <sz val="11"/>
      <name val="ＭＳ Ｐゴシック"/>
      <family val="3"/>
      <charset val="128"/>
    </font>
    <font>
      <sz val="12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2"/>
      <color theme="1"/>
      <name val="游ゴシック"/>
      <family val="3"/>
      <charset val="128"/>
      <scheme val="minor"/>
    </font>
    <font>
      <sz val="18"/>
      <color theme="1"/>
      <name val="游ゴシック"/>
      <family val="3"/>
      <charset val="128"/>
      <scheme val="minor"/>
    </font>
    <font>
      <sz val="11"/>
      <color theme="1"/>
      <name val="游ゴシック"/>
      <family val="3"/>
      <charset val="128"/>
      <scheme val="minor"/>
    </font>
    <font>
      <u/>
      <sz val="8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color theme="1"/>
      <name val="游ゴシック"/>
      <family val="3"/>
      <charset val="128"/>
      <scheme val="minor"/>
    </font>
    <font>
      <sz val="10"/>
      <name val="ＭＳ Ｐゴシック"/>
      <family val="3"/>
      <charset val="128"/>
    </font>
    <font>
      <sz val="9"/>
      <color theme="1"/>
      <name val="ＭＳ Ｐゴシック"/>
      <family val="3"/>
      <charset val="128"/>
    </font>
    <font>
      <sz val="8"/>
      <name val="ＭＳ Ｐゴシック"/>
      <family val="3"/>
      <charset val="128"/>
    </font>
    <font>
      <sz val="12"/>
      <color theme="1"/>
      <name val="ＭＳ Ｐゴシック"/>
      <family val="3"/>
      <charset val="128"/>
    </font>
    <font>
      <sz val="14"/>
      <color theme="1"/>
      <name val="ＭＳ Ｐゴシック"/>
      <family val="3"/>
      <charset val="128"/>
    </font>
    <font>
      <sz val="10"/>
      <color theme="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6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</borders>
  <cellStyleXfs count="2">
    <xf numFmtId="0" fontId="0" fillId="0" borderId="0">
      <alignment vertical="center"/>
    </xf>
    <xf numFmtId="0" fontId="1" fillId="0" borderId="0">
      <alignment vertical="center"/>
    </xf>
  </cellStyleXfs>
  <cellXfs count="39">
    <xf numFmtId="0" fontId="0" fillId="0" borderId="0" xfId="0">
      <alignment vertical="center"/>
    </xf>
    <xf numFmtId="0" fontId="2" fillId="0" borderId="0" xfId="1" applyFont="1" applyFill="1" applyAlignment="1">
      <alignment horizontal="left" vertical="center"/>
    </xf>
    <xf numFmtId="0" fontId="4" fillId="0" borderId="0" xfId="1" applyFont="1" applyFill="1" applyAlignment="1">
      <alignment horizontal="left" vertical="center"/>
    </xf>
    <xf numFmtId="0" fontId="1" fillId="0" borderId="0" xfId="1" applyFont="1" applyFill="1">
      <alignment vertical="center"/>
    </xf>
    <xf numFmtId="0" fontId="5" fillId="0" borderId="0" xfId="1" applyFont="1" applyFill="1" applyAlignment="1">
      <alignment horizontal="left" vertical="center"/>
    </xf>
    <xf numFmtId="0" fontId="5" fillId="0" borderId="0" xfId="1" applyFont="1" applyFill="1" applyBorder="1" applyAlignment="1">
      <alignment horizontal="center" vertical="center"/>
    </xf>
    <xf numFmtId="0" fontId="6" fillId="0" borderId="0" xfId="1" applyFont="1" applyFill="1" applyAlignment="1">
      <alignment horizontal="left" vertical="center"/>
    </xf>
    <xf numFmtId="0" fontId="1" fillId="0" borderId="0" xfId="1" applyFont="1" applyFill="1" applyBorder="1" applyAlignment="1">
      <alignment horizontal="right" vertical="center"/>
    </xf>
    <xf numFmtId="0" fontId="7" fillId="0" borderId="0" xfId="1" applyFont="1" applyFill="1" applyAlignment="1">
      <alignment vertical="top"/>
    </xf>
    <xf numFmtId="0" fontId="1" fillId="0" borderId="0" xfId="1" applyFont="1" applyFill="1" applyBorder="1" applyAlignment="1">
      <alignment horizontal="right" vertical="center"/>
    </xf>
    <xf numFmtId="0" fontId="1" fillId="0" borderId="0" xfId="1" applyFont="1" applyFill="1" applyBorder="1">
      <alignment vertical="center"/>
    </xf>
    <xf numFmtId="0" fontId="10" fillId="0" borderId="2" xfId="1" applyFont="1" applyFill="1" applyBorder="1" applyAlignment="1">
      <alignment horizontal="center" vertical="center" wrapText="1"/>
    </xf>
    <xf numFmtId="0" fontId="10" fillId="0" borderId="3" xfId="1" applyFont="1" applyFill="1" applyBorder="1" applyAlignment="1">
      <alignment horizontal="center" vertical="center" wrapText="1"/>
    </xf>
    <xf numFmtId="0" fontId="10" fillId="0" borderId="4" xfId="1" applyFont="1" applyFill="1" applyBorder="1" applyAlignment="1">
      <alignment horizontal="center" vertical="center" wrapText="1"/>
    </xf>
    <xf numFmtId="0" fontId="9" fillId="0" borderId="5" xfId="1" applyFont="1" applyFill="1" applyBorder="1" applyAlignment="1">
      <alignment horizontal="center" vertical="center"/>
    </xf>
    <xf numFmtId="0" fontId="10" fillId="0" borderId="2" xfId="1" applyFont="1" applyFill="1" applyBorder="1" applyAlignment="1">
      <alignment horizontal="left" vertical="center" wrapText="1"/>
    </xf>
    <xf numFmtId="176" fontId="10" fillId="0" borderId="3" xfId="1" applyNumberFormat="1" applyFont="1" applyFill="1" applyBorder="1" applyAlignment="1">
      <alignment vertical="center" shrinkToFit="1"/>
    </xf>
    <xf numFmtId="176" fontId="10" fillId="0" borderId="4" xfId="1" applyNumberFormat="1" applyFont="1" applyFill="1" applyBorder="1" applyAlignment="1">
      <alignment vertical="center" shrinkToFit="1"/>
    </xf>
    <xf numFmtId="41" fontId="10" fillId="0" borderId="3" xfId="1" applyNumberFormat="1" applyFont="1" applyFill="1" applyBorder="1" applyAlignment="1">
      <alignment vertical="center" shrinkToFit="1"/>
    </xf>
    <xf numFmtId="41" fontId="10" fillId="0" borderId="4" xfId="1" applyNumberFormat="1" applyFont="1" applyFill="1" applyBorder="1" applyAlignment="1">
      <alignment vertical="center" shrinkToFit="1"/>
    </xf>
    <xf numFmtId="176" fontId="10" fillId="0" borderId="2" xfId="1" applyNumberFormat="1" applyFont="1" applyFill="1" applyBorder="1" applyAlignment="1">
      <alignment vertical="center" shrinkToFit="1"/>
    </xf>
    <xf numFmtId="0" fontId="10" fillId="0" borderId="2" xfId="1" applyFont="1" applyFill="1" applyBorder="1" applyAlignment="1">
      <alignment horizontal="left" vertical="center"/>
    </xf>
    <xf numFmtId="41" fontId="10" fillId="0" borderId="2" xfId="1" applyNumberFormat="1" applyFont="1" applyFill="1" applyBorder="1" applyAlignment="1">
      <alignment vertical="center" shrinkToFit="1"/>
    </xf>
    <xf numFmtId="0" fontId="10" fillId="0" borderId="3" xfId="1" applyFont="1" applyFill="1" applyBorder="1" applyAlignment="1">
      <alignment horizontal="center" vertical="center"/>
    </xf>
    <xf numFmtId="0" fontId="10" fillId="0" borderId="4" xfId="1" applyFont="1" applyFill="1" applyBorder="1" applyAlignment="1">
      <alignment horizontal="center" vertical="center"/>
    </xf>
    <xf numFmtId="0" fontId="11" fillId="0" borderId="0" xfId="1" applyFont="1" applyFill="1" applyBorder="1" applyAlignment="1">
      <alignment horizontal="left" vertical="center"/>
    </xf>
    <xf numFmtId="0" fontId="10" fillId="0" borderId="0" xfId="1" applyFont="1" applyFill="1" applyBorder="1" applyAlignment="1">
      <alignment horizontal="center" vertical="center"/>
    </xf>
    <xf numFmtId="0" fontId="10" fillId="0" borderId="0" xfId="1" applyFont="1" applyFill="1" applyBorder="1" applyAlignment="1">
      <alignment horizontal="center" vertical="center" wrapText="1"/>
    </xf>
    <xf numFmtId="0" fontId="9" fillId="0" borderId="0" xfId="1" applyFont="1" applyFill="1" applyBorder="1" applyAlignment="1">
      <alignment horizontal="center" vertical="center"/>
    </xf>
    <xf numFmtId="0" fontId="12" fillId="0" borderId="0" xfId="1" applyFont="1" applyFill="1" applyBorder="1" applyAlignment="1">
      <alignment horizontal="left" vertical="center" shrinkToFit="1"/>
    </xf>
    <xf numFmtId="0" fontId="12" fillId="0" borderId="0" xfId="1" applyFont="1" applyFill="1" applyBorder="1" applyAlignment="1">
      <alignment vertical="center" shrinkToFit="1"/>
    </xf>
    <xf numFmtId="0" fontId="13" fillId="0" borderId="1" xfId="1" applyFont="1" applyFill="1" applyBorder="1" applyAlignment="1">
      <alignment vertical="center"/>
    </xf>
    <xf numFmtId="0" fontId="14" fillId="0" borderId="1" xfId="1" applyFont="1" applyFill="1" applyBorder="1" applyAlignment="1">
      <alignment vertical="center"/>
    </xf>
    <xf numFmtId="0" fontId="14" fillId="0" borderId="0" xfId="1" applyFont="1" applyFill="1" applyBorder="1" applyAlignment="1">
      <alignment horizontal="center" vertical="center"/>
    </xf>
    <xf numFmtId="0" fontId="15" fillId="0" borderId="0" xfId="1" applyFont="1" applyFill="1" applyBorder="1" applyAlignment="1">
      <alignment horizontal="right" vertical="center"/>
    </xf>
    <xf numFmtId="0" fontId="15" fillId="0" borderId="2" xfId="1" applyFont="1" applyFill="1" applyBorder="1" applyAlignment="1">
      <alignment horizontal="left" vertical="center"/>
    </xf>
    <xf numFmtId="0" fontId="15" fillId="0" borderId="5" xfId="1" applyFont="1" applyFill="1" applyBorder="1" applyAlignment="1">
      <alignment horizontal="center" vertical="center"/>
    </xf>
    <xf numFmtId="0" fontId="15" fillId="0" borderId="2" xfId="1" applyFont="1" applyFill="1" applyBorder="1" applyAlignment="1">
      <alignment horizontal="center" vertical="center" wrapText="1"/>
    </xf>
    <xf numFmtId="0" fontId="15" fillId="0" borderId="2" xfId="1" applyFont="1" applyFill="1" applyBorder="1" applyAlignment="1">
      <alignment horizontal="center"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7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1" Type="http://schemas.openxmlformats.org/officeDocument/2006/relationships/sharedStrings" Target="sharedStrings.xml"/><Relationship Id="rId5" Type="http://schemas.openxmlformats.org/officeDocument/2006/relationships/externalLink" Target="externalLinks/externalLink4.xml"/><Relationship Id="rId10" Type="http://schemas.openxmlformats.org/officeDocument/2006/relationships/styles" Target="styles.xml"/><Relationship Id="rId4" Type="http://schemas.openxmlformats.org/officeDocument/2006/relationships/externalLink" Target="externalLinks/externalLink3.xml"/><Relationship Id="rId9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&#12304;&#20844;&#34920;&#29992;&#12305;&#38468;&#23646;&#26126;&#32048;&#26360;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ZR003C\OA-va0004$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5526552\Desktop\&#26032;&#12375;&#12356;&#12501;&#12457;&#12523;&#12480;&#12540;\&#26032;&#20844;&#20250;&#35336;&#12288;&#24115;&#31080;&#12510;&#12463;&#12525;\&#36001;&#21209;&#35576;&#34920;\IP537300&#36001;&#21209;&#35576;&#34920;&#31561;&#20316;&#25104;&#12510;&#12463;&#12525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ZR003C\OA-va0004$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①②有形固定資産"/>
      <sheetName val="③投資及び出資金"/>
      <sheetName val="④基金"/>
      <sheetName val="⑤貸付金"/>
      <sheetName val="⑧～⑪地方債"/>
      <sheetName val="⑫引当金"/>
      <sheetName val="⑭財源明細"/>
      <sheetName val="⑮財源情報明細"/>
      <sheetName val="【記載例】財源情報明細 "/>
      <sheetName val="⑯資金明細"/>
      <sheetName val="未収金・補助金のＨＰ案内"/>
      <sheetName val="◎有形固定資産（全体） "/>
      <sheetName val="◎有形固定資産（連結）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B7">
            <v>1</v>
          </cell>
          <cell r="C7">
            <v>0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B8">
            <v>1</v>
          </cell>
          <cell r="C8">
            <v>10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B9">
            <v>1</v>
          </cell>
          <cell r="C9">
            <v>10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B10">
            <v>1</v>
          </cell>
          <cell r="C10">
            <v>10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B11">
            <v>1</v>
          </cell>
          <cell r="C11">
            <v>10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B12">
            <v>1</v>
          </cell>
          <cell r="C12">
            <v>10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B13">
            <v>1</v>
          </cell>
          <cell r="C13">
            <v>10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B14">
            <v>1</v>
          </cell>
          <cell r="C14">
            <v>10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B15">
            <v>1</v>
          </cell>
          <cell r="C15">
            <v>10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B16">
            <v>1</v>
          </cell>
          <cell r="C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B17">
            <v>1</v>
          </cell>
          <cell r="C17">
            <v>10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B18">
            <v>1</v>
          </cell>
          <cell r="C18">
            <v>10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B19">
            <v>1</v>
          </cell>
          <cell r="C19">
            <v>10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B20">
            <v>1</v>
          </cell>
          <cell r="C20">
            <v>10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B21">
            <v>1</v>
          </cell>
          <cell r="C21">
            <v>10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B22">
            <v>1</v>
          </cell>
          <cell r="C22">
            <v>10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B23">
            <v>1</v>
          </cell>
          <cell r="C23">
            <v>10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B24">
            <v>1</v>
          </cell>
          <cell r="C24">
            <v>20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B25">
            <v>1</v>
          </cell>
          <cell r="C25">
            <v>20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B26">
            <v>1</v>
          </cell>
          <cell r="C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B27">
            <v>1</v>
          </cell>
          <cell r="C27">
            <v>20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K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B28">
            <v>1</v>
          </cell>
          <cell r="C28">
            <v>20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B29">
            <v>1</v>
          </cell>
          <cell r="C29">
            <v>20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B30">
            <v>1</v>
          </cell>
          <cell r="C30">
            <v>20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K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B31">
            <v>1</v>
          </cell>
          <cell r="C31">
            <v>20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B32">
            <v>1</v>
          </cell>
          <cell r="C32">
            <v>20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B33">
            <v>1</v>
          </cell>
          <cell r="C33">
            <v>20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B34">
            <v>1</v>
          </cell>
          <cell r="C34">
            <v>20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K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B35">
            <v>1</v>
          </cell>
          <cell r="C35">
            <v>20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B36">
            <v>1</v>
          </cell>
          <cell r="C36">
            <v>2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B37">
            <v>1</v>
          </cell>
          <cell r="C37">
            <v>20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K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B38">
            <v>1</v>
          </cell>
          <cell r="C38">
            <v>20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B39">
            <v>1</v>
          </cell>
          <cell r="C39">
            <v>20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B40">
            <v>1</v>
          </cell>
          <cell r="C40">
            <v>20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B41">
            <v>1</v>
          </cell>
          <cell r="C41">
            <v>20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B42">
            <v>1</v>
          </cell>
          <cell r="C42">
            <v>20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B43">
            <v>1</v>
          </cell>
          <cell r="C43">
            <v>20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B44">
            <v>1</v>
          </cell>
          <cell r="C44">
            <v>20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B45">
            <v>1</v>
          </cell>
          <cell r="C45">
            <v>20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B46">
            <v>1</v>
          </cell>
          <cell r="C46">
            <v>2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K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B47">
            <v>1</v>
          </cell>
          <cell r="C47">
            <v>20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B48">
            <v>1</v>
          </cell>
          <cell r="C48">
            <v>20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B49">
            <v>1</v>
          </cell>
          <cell r="C49">
            <v>20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K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B50">
            <v>1</v>
          </cell>
          <cell r="C50">
            <v>20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B51">
            <v>1</v>
          </cell>
          <cell r="C51">
            <v>20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B52">
            <v>1</v>
          </cell>
          <cell r="C52">
            <v>20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B53">
            <v>1</v>
          </cell>
          <cell r="C53">
            <v>20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K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B54">
            <v>1</v>
          </cell>
          <cell r="C54">
            <v>20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B55">
            <v>1</v>
          </cell>
          <cell r="C55">
            <v>20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B56">
            <v>1</v>
          </cell>
          <cell r="C56">
            <v>2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K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B57">
            <v>1</v>
          </cell>
          <cell r="C57">
            <v>20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B58">
            <v>1</v>
          </cell>
          <cell r="C58">
            <v>20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B59">
            <v>1</v>
          </cell>
          <cell r="C59">
            <v>20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B60">
            <v>1</v>
          </cell>
          <cell r="C60">
            <v>20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B61">
            <v>1</v>
          </cell>
          <cell r="C61">
            <v>20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B62">
            <v>1</v>
          </cell>
          <cell r="C62">
            <v>20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B63">
            <v>1</v>
          </cell>
          <cell r="C63">
            <v>20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B64">
            <v>1</v>
          </cell>
          <cell r="C64">
            <v>20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B65">
            <v>1</v>
          </cell>
          <cell r="C65">
            <v>20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K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B66">
            <v>1</v>
          </cell>
          <cell r="C66">
            <v>2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B67">
            <v>1</v>
          </cell>
          <cell r="C67">
            <v>20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B68">
            <v>1</v>
          </cell>
          <cell r="C68">
            <v>20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B69">
            <v>1</v>
          </cell>
          <cell r="C69">
            <v>20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B70">
            <v>1</v>
          </cell>
          <cell r="C70">
            <v>20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B71">
            <v>1</v>
          </cell>
          <cell r="C71">
            <v>20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K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B72">
            <v>1</v>
          </cell>
          <cell r="C72">
            <v>20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B73">
            <v>1</v>
          </cell>
          <cell r="C73">
            <v>20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B74">
            <v>1</v>
          </cell>
          <cell r="C74">
            <v>20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B75">
            <v>1</v>
          </cell>
          <cell r="C75">
            <v>20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B76">
            <v>1</v>
          </cell>
          <cell r="C76">
            <v>2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B77">
            <v>1</v>
          </cell>
          <cell r="C77">
            <v>20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B78">
            <v>1</v>
          </cell>
          <cell r="C78">
            <v>20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B79">
            <v>1</v>
          </cell>
          <cell r="C79">
            <v>20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B80">
            <v>1</v>
          </cell>
          <cell r="C80">
            <v>20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B81">
            <v>1</v>
          </cell>
          <cell r="C81">
            <v>20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B82">
            <v>1</v>
          </cell>
          <cell r="C82">
            <v>20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B83">
            <v>1</v>
          </cell>
          <cell r="C83">
            <v>20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B84">
            <v>1</v>
          </cell>
          <cell r="C84">
            <v>20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B85">
            <v>1</v>
          </cell>
          <cell r="C85">
            <v>20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B86">
            <v>1</v>
          </cell>
          <cell r="C86">
            <v>2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B87">
            <v>1</v>
          </cell>
          <cell r="C87">
            <v>20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B88">
            <v>1</v>
          </cell>
          <cell r="C88">
            <v>20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B89">
            <v>1</v>
          </cell>
          <cell r="C89">
            <v>20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B90">
            <v>1</v>
          </cell>
          <cell r="C90">
            <v>20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B91">
            <v>1</v>
          </cell>
          <cell r="C91">
            <v>20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B92">
            <v>1</v>
          </cell>
          <cell r="C92">
            <v>20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B93">
            <v>1</v>
          </cell>
          <cell r="C93">
            <v>20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B94">
            <v>1</v>
          </cell>
          <cell r="C94">
            <v>20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B95">
            <v>2</v>
          </cell>
          <cell r="C95">
            <v>0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K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B96">
            <v>2</v>
          </cell>
          <cell r="C96">
            <v>1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B97">
            <v>2</v>
          </cell>
          <cell r="C97">
            <v>10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B98">
            <v>2</v>
          </cell>
          <cell r="C98">
            <v>10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B99">
            <v>2</v>
          </cell>
          <cell r="C99">
            <v>10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B100">
            <v>2</v>
          </cell>
          <cell r="C100">
            <v>10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B101">
            <v>2</v>
          </cell>
          <cell r="C101">
            <v>10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B102">
            <v>2</v>
          </cell>
          <cell r="C102">
            <v>10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B103">
            <v>2</v>
          </cell>
          <cell r="C103">
            <v>10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B104">
            <v>2</v>
          </cell>
          <cell r="C104">
            <v>10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B105">
            <v>2</v>
          </cell>
          <cell r="C105">
            <v>10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B106">
            <v>2</v>
          </cell>
          <cell r="C106">
            <v>1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B107">
            <v>2</v>
          </cell>
          <cell r="C107">
            <v>10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B108">
            <v>2</v>
          </cell>
          <cell r="C108">
            <v>10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B109">
            <v>2</v>
          </cell>
          <cell r="C109">
            <v>10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B110">
            <v>2</v>
          </cell>
          <cell r="C110">
            <v>10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B111">
            <v>2</v>
          </cell>
          <cell r="C111">
            <v>10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B112">
            <v>2</v>
          </cell>
          <cell r="C112">
            <v>20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B113">
            <v>2</v>
          </cell>
          <cell r="C113">
            <v>20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B114">
            <v>2</v>
          </cell>
          <cell r="C114">
            <v>20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B115">
            <v>2</v>
          </cell>
          <cell r="C115">
            <v>20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B116">
            <v>2</v>
          </cell>
          <cell r="C116">
            <v>2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B117">
            <v>2</v>
          </cell>
          <cell r="C117">
            <v>20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B118">
            <v>2</v>
          </cell>
          <cell r="C118">
            <v>20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B119">
            <v>2</v>
          </cell>
          <cell r="C119">
            <v>20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B120">
            <v>2</v>
          </cell>
          <cell r="C120">
            <v>20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B121">
            <v>2</v>
          </cell>
          <cell r="C121">
            <v>20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B122">
            <v>2</v>
          </cell>
          <cell r="C122">
            <v>20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B123">
            <v>3</v>
          </cell>
          <cell r="C123">
            <v>0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B124">
            <v>3</v>
          </cell>
          <cell r="C124">
            <v>10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B125">
            <v>3</v>
          </cell>
          <cell r="C125">
            <v>10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B126">
            <v>3</v>
          </cell>
          <cell r="C126">
            <v>1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B127">
            <v>3</v>
          </cell>
          <cell r="C127">
            <v>10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B128">
            <v>3</v>
          </cell>
          <cell r="C128">
            <v>10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B129">
            <v>3</v>
          </cell>
          <cell r="C129">
            <v>10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B130">
            <v>3</v>
          </cell>
          <cell r="C130">
            <v>10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B131">
            <v>3</v>
          </cell>
          <cell r="C131">
            <v>10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B132">
            <v>3</v>
          </cell>
          <cell r="C132">
            <v>10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B133">
            <v>3</v>
          </cell>
          <cell r="C133">
            <v>10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B134">
            <v>3</v>
          </cell>
          <cell r="C134">
            <v>10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B135">
            <v>3</v>
          </cell>
          <cell r="C135">
            <v>10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B136">
            <v>3</v>
          </cell>
          <cell r="C136">
            <v>1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B137">
            <v>11</v>
          </cell>
          <cell r="C137">
            <v>0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B138">
            <v>11</v>
          </cell>
          <cell r="C138">
            <v>10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B139">
            <v>11</v>
          </cell>
          <cell r="C139">
            <v>10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B140">
            <v>11</v>
          </cell>
          <cell r="C140">
            <v>10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B141">
            <v>11</v>
          </cell>
          <cell r="C141">
            <v>10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B142">
            <v>11</v>
          </cell>
          <cell r="C142">
            <v>10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B143">
            <v>11</v>
          </cell>
          <cell r="C143">
            <v>10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B144">
            <v>11</v>
          </cell>
          <cell r="C144">
            <v>10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B145">
            <v>11</v>
          </cell>
          <cell r="C145">
            <v>10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B146">
            <v>11</v>
          </cell>
          <cell r="C146">
            <v>1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B147">
            <v>11</v>
          </cell>
          <cell r="C147">
            <v>10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B148">
            <v>11</v>
          </cell>
          <cell r="C148">
            <v>10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B149">
            <v>11</v>
          </cell>
          <cell r="C149">
            <v>10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B150">
            <v>11</v>
          </cell>
          <cell r="C150">
            <v>10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B151">
            <v>11</v>
          </cell>
          <cell r="C151">
            <v>10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B152">
            <v>11</v>
          </cell>
          <cell r="C152">
            <v>10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B153">
            <v>11</v>
          </cell>
          <cell r="C153">
            <v>10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B154">
            <v>11</v>
          </cell>
          <cell r="C154">
            <v>10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B155">
            <v>11</v>
          </cell>
          <cell r="C155">
            <v>10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B156">
            <v>11</v>
          </cell>
          <cell r="C156">
            <v>1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B157">
            <v>11</v>
          </cell>
          <cell r="C157">
            <v>10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B158">
            <v>11</v>
          </cell>
          <cell r="C158">
            <v>10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K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B159">
            <v>11</v>
          </cell>
          <cell r="C159">
            <v>10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B160">
            <v>11</v>
          </cell>
          <cell r="C160">
            <v>10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B161">
            <v>11</v>
          </cell>
          <cell r="C161">
            <v>10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B162">
            <v>11</v>
          </cell>
          <cell r="C162">
            <v>10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K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B163">
            <v>11</v>
          </cell>
          <cell r="C163">
            <v>10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B164">
            <v>11</v>
          </cell>
          <cell r="C164">
            <v>10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B165">
            <v>11</v>
          </cell>
          <cell r="C165">
            <v>10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B166">
            <v>11</v>
          </cell>
          <cell r="C166">
            <v>1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B167">
            <v>11</v>
          </cell>
          <cell r="C167">
            <v>10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B168">
            <v>11</v>
          </cell>
          <cell r="C168">
            <v>10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B169">
            <v>11</v>
          </cell>
          <cell r="C169">
            <v>10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B170">
            <v>11</v>
          </cell>
          <cell r="C170">
            <v>10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B171">
            <v>11</v>
          </cell>
          <cell r="C171">
            <v>10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B172">
            <v>11</v>
          </cell>
          <cell r="C172">
            <v>10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B173">
            <v>11</v>
          </cell>
          <cell r="C173">
            <v>10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B174">
            <v>11</v>
          </cell>
          <cell r="C174">
            <v>10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B175">
            <v>11</v>
          </cell>
          <cell r="C175">
            <v>10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B176">
            <v>11</v>
          </cell>
          <cell r="C176">
            <v>1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B177">
            <v>11</v>
          </cell>
          <cell r="C177">
            <v>10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B178">
            <v>11</v>
          </cell>
          <cell r="C178">
            <v>10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B179">
            <v>11</v>
          </cell>
          <cell r="C179">
            <v>10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B180">
            <v>11</v>
          </cell>
          <cell r="C180">
            <v>10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B181">
            <v>11</v>
          </cell>
          <cell r="C181">
            <v>10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B182">
            <v>11</v>
          </cell>
          <cell r="C182">
            <v>10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B183">
            <v>11</v>
          </cell>
          <cell r="C183">
            <v>10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B184">
            <v>11</v>
          </cell>
          <cell r="C184">
            <v>10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B185">
            <v>11</v>
          </cell>
          <cell r="C185">
            <v>10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B186">
            <v>11</v>
          </cell>
          <cell r="C186">
            <v>1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B187">
            <v>11</v>
          </cell>
          <cell r="C187">
            <v>10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B188">
            <v>11</v>
          </cell>
          <cell r="C188">
            <v>10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B189">
            <v>11</v>
          </cell>
          <cell r="C189">
            <v>10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B190">
            <v>11</v>
          </cell>
          <cell r="C190">
            <v>10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B191">
            <v>11</v>
          </cell>
          <cell r="C191">
            <v>10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B192">
            <v>11</v>
          </cell>
          <cell r="C192">
            <v>10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B193">
            <v>11</v>
          </cell>
          <cell r="C193">
            <v>10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B194">
            <v>11</v>
          </cell>
          <cell r="C194">
            <v>10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B195">
            <v>11</v>
          </cell>
          <cell r="C195">
            <v>10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B196">
            <v>11</v>
          </cell>
          <cell r="C196">
            <v>1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B197">
            <v>11</v>
          </cell>
          <cell r="C197">
            <v>10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B198">
            <v>11</v>
          </cell>
          <cell r="C198">
            <v>10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B199">
            <v>11</v>
          </cell>
          <cell r="C199">
            <v>10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B200">
            <v>11</v>
          </cell>
          <cell r="C200">
            <v>10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B201">
            <v>11</v>
          </cell>
          <cell r="C201">
            <v>10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B202">
            <v>11</v>
          </cell>
          <cell r="C202">
            <v>10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B203">
            <v>11</v>
          </cell>
          <cell r="C203">
            <v>10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B204">
            <v>11</v>
          </cell>
          <cell r="C204">
            <v>10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B205">
            <v>11</v>
          </cell>
          <cell r="C205">
            <v>10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B206">
            <v>11</v>
          </cell>
          <cell r="C206">
            <v>1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B207">
            <v>11</v>
          </cell>
          <cell r="C207">
            <v>10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B208">
            <v>11</v>
          </cell>
          <cell r="C208">
            <v>10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B209">
            <v>11</v>
          </cell>
          <cell r="C209">
            <v>10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B210">
            <v>11</v>
          </cell>
          <cell r="C210">
            <v>10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B211">
            <v>11</v>
          </cell>
          <cell r="C211">
            <v>10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B212">
            <v>11</v>
          </cell>
          <cell r="C212">
            <v>10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B213">
            <v>11</v>
          </cell>
          <cell r="C213">
            <v>10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B214">
            <v>11</v>
          </cell>
          <cell r="C214">
            <v>10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B215">
            <v>11</v>
          </cell>
          <cell r="C215">
            <v>10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B216">
            <v>11</v>
          </cell>
          <cell r="C216">
            <v>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B217">
            <v>11</v>
          </cell>
          <cell r="C217">
            <v>10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B218">
            <v>11</v>
          </cell>
          <cell r="C218">
            <v>10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B219">
            <v>11</v>
          </cell>
          <cell r="C219">
            <v>20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K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B220">
            <v>11</v>
          </cell>
          <cell r="C220">
            <v>20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K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B221">
            <v>11</v>
          </cell>
          <cell r="C221">
            <v>20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B222">
            <v>11</v>
          </cell>
          <cell r="C222">
            <v>20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K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B223">
            <v>11</v>
          </cell>
          <cell r="C223">
            <v>20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B224">
            <v>11</v>
          </cell>
          <cell r="C224">
            <v>20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B225">
            <v>11</v>
          </cell>
          <cell r="C225">
            <v>20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B226">
            <v>11</v>
          </cell>
          <cell r="C226">
            <v>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B227">
            <v>12</v>
          </cell>
          <cell r="C227">
            <v>0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K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B228">
            <v>12</v>
          </cell>
          <cell r="C228">
            <v>10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K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B229">
            <v>12</v>
          </cell>
          <cell r="C229">
            <v>10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B230">
            <v>12</v>
          </cell>
          <cell r="C230">
            <v>10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K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B231">
            <v>12</v>
          </cell>
          <cell r="C231">
            <v>10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B232">
            <v>12</v>
          </cell>
          <cell r="C232">
            <v>10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B233">
            <v>12</v>
          </cell>
          <cell r="C233">
            <v>10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B234">
            <v>12</v>
          </cell>
          <cell r="C234">
            <v>10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B235">
            <v>12</v>
          </cell>
          <cell r="C235">
            <v>10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B236">
            <v>12</v>
          </cell>
          <cell r="C236">
            <v>1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B237">
            <v>12</v>
          </cell>
          <cell r="C237">
            <v>10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B238">
            <v>12</v>
          </cell>
          <cell r="C238">
            <v>20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K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B239">
            <v>12</v>
          </cell>
          <cell r="C239">
            <v>20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B240">
            <v>12</v>
          </cell>
          <cell r="C240">
            <v>20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B241">
            <v>12</v>
          </cell>
          <cell r="C241">
            <v>20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B242">
            <v>12</v>
          </cell>
          <cell r="C242">
            <v>20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B243">
            <v>12</v>
          </cell>
          <cell r="C243">
            <v>20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B244">
            <v>12</v>
          </cell>
          <cell r="C244">
            <v>20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B245">
            <v>12</v>
          </cell>
          <cell r="C245">
            <v>20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B246">
            <v>12</v>
          </cell>
          <cell r="C246">
            <v>2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B247">
            <v>12</v>
          </cell>
          <cell r="C247">
            <v>20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B248">
            <v>12</v>
          </cell>
          <cell r="C248">
            <v>20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B249">
            <v>13</v>
          </cell>
          <cell r="C249">
            <v>0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B250">
            <v>14</v>
          </cell>
          <cell r="C250">
            <v>0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B251">
            <v>15</v>
          </cell>
          <cell r="C251">
            <v>0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B252">
            <v>16</v>
          </cell>
          <cell r="C252">
            <v>0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B253">
            <v>21</v>
          </cell>
          <cell r="C253">
            <v>0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K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B254">
            <v>21</v>
          </cell>
          <cell r="C254">
            <v>10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K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B255">
            <v>21</v>
          </cell>
          <cell r="C255">
            <v>10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K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B256">
            <v>21</v>
          </cell>
          <cell r="C256">
            <v>1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B257">
            <v>21</v>
          </cell>
          <cell r="C257">
            <v>10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B258">
            <v>21</v>
          </cell>
          <cell r="C258">
            <v>10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B259">
            <v>21</v>
          </cell>
          <cell r="C259">
            <v>10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B260">
            <v>21</v>
          </cell>
          <cell r="C260">
            <v>10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B261">
            <v>21</v>
          </cell>
          <cell r="C261">
            <v>10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B262">
            <v>21</v>
          </cell>
          <cell r="C262">
            <v>20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K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B263">
            <v>21</v>
          </cell>
          <cell r="C263">
            <v>20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B264">
            <v>21</v>
          </cell>
          <cell r="C264">
            <v>20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B265">
            <v>21</v>
          </cell>
          <cell r="C265">
            <v>30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K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B266">
            <v>21</v>
          </cell>
          <cell r="C266">
            <v>3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K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B267">
            <v>21</v>
          </cell>
          <cell r="C267">
            <v>30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B268">
            <v>21</v>
          </cell>
          <cell r="C268">
            <v>30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B269">
            <v>21</v>
          </cell>
          <cell r="C269">
            <v>30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B270">
            <v>21</v>
          </cell>
          <cell r="C270">
            <v>30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K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B271">
            <v>21</v>
          </cell>
          <cell r="C271">
            <v>30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B272">
            <v>21</v>
          </cell>
          <cell r="C272">
            <v>30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K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B273">
            <v>21</v>
          </cell>
          <cell r="C273">
            <v>30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B274">
            <v>21</v>
          </cell>
          <cell r="C274">
            <v>30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B275">
            <v>21</v>
          </cell>
          <cell r="C275">
            <v>30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K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B276">
            <v>21</v>
          </cell>
          <cell r="C276">
            <v>3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B277">
            <v>21</v>
          </cell>
          <cell r="C277">
            <v>30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B278">
            <v>21</v>
          </cell>
          <cell r="C278">
            <v>30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B279">
            <v>21</v>
          </cell>
          <cell r="C279">
            <v>30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K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B280">
            <v>21</v>
          </cell>
          <cell r="C280">
            <v>30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B281">
            <v>21</v>
          </cell>
          <cell r="C281">
            <v>30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B282">
            <v>21</v>
          </cell>
          <cell r="C282">
            <v>30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B283">
            <v>21</v>
          </cell>
          <cell r="C283">
            <v>30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B284">
            <v>21</v>
          </cell>
          <cell r="C284">
            <v>30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B285">
            <v>21</v>
          </cell>
          <cell r="C285">
            <v>30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B286">
            <v>21</v>
          </cell>
          <cell r="C286">
            <v>3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B287">
            <v>21</v>
          </cell>
          <cell r="C287">
            <v>30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B288">
            <v>21</v>
          </cell>
          <cell r="C288">
            <v>30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B289">
            <v>21</v>
          </cell>
          <cell r="C289">
            <v>30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K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B290">
            <v>21</v>
          </cell>
          <cell r="C290">
            <v>30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B291">
            <v>21</v>
          </cell>
          <cell r="C291">
            <v>30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B292">
            <v>21</v>
          </cell>
          <cell r="C292">
            <v>40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K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B293">
            <v>21</v>
          </cell>
          <cell r="C293">
            <v>40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B294">
            <v>21</v>
          </cell>
          <cell r="C294">
            <v>50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K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B295">
            <v>21</v>
          </cell>
          <cell r="C295">
            <v>50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K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B296">
            <v>21</v>
          </cell>
          <cell r="C296">
            <v>5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B297">
            <v>21</v>
          </cell>
          <cell r="C297">
            <v>50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B298">
            <v>21</v>
          </cell>
          <cell r="C298">
            <v>60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K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B299">
            <v>21</v>
          </cell>
          <cell r="C299">
            <v>60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K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B300">
            <v>21</v>
          </cell>
          <cell r="C300">
            <v>60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B301">
            <v>21</v>
          </cell>
          <cell r="C301">
            <v>60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B302">
            <v>21</v>
          </cell>
          <cell r="C302">
            <v>60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B303">
            <v>21</v>
          </cell>
          <cell r="C303">
            <v>60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B304">
            <v>21</v>
          </cell>
          <cell r="C304">
            <v>60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B305">
            <v>21</v>
          </cell>
          <cell r="C305">
            <v>60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K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B306">
            <v>21</v>
          </cell>
          <cell r="C306">
            <v>6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B307">
            <v>21</v>
          </cell>
          <cell r="C307">
            <v>60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B308">
            <v>21</v>
          </cell>
          <cell r="C308">
            <v>60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B309">
            <v>21</v>
          </cell>
          <cell r="C309">
            <v>60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B310">
            <v>21</v>
          </cell>
          <cell r="C310">
            <v>60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B311">
            <v>21</v>
          </cell>
          <cell r="C311">
            <v>60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B312">
            <v>21</v>
          </cell>
          <cell r="C312">
            <v>60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B313">
            <v>21</v>
          </cell>
          <cell r="C313">
            <v>60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B314">
            <v>21</v>
          </cell>
          <cell r="C314">
            <v>60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B315">
            <v>21</v>
          </cell>
          <cell r="C315">
            <v>60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B316">
            <v>21</v>
          </cell>
          <cell r="C316">
            <v>6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B317">
            <v>21</v>
          </cell>
          <cell r="C317">
            <v>60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B318">
            <v>21</v>
          </cell>
          <cell r="C318">
            <v>60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B319">
            <v>21</v>
          </cell>
          <cell r="C319">
            <v>70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K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B320">
            <v>21</v>
          </cell>
          <cell r="C320">
            <v>70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K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B321">
            <v>21</v>
          </cell>
          <cell r="C321">
            <v>70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B322">
            <v>21</v>
          </cell>
          <cell r="C322">
            <v>70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B323">
            <v>21</v>
          </cell>
          <cell r="C323">
            <v>70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B324">
            <v>21</v>
          </cell>
          <cell r="C324">
            <v>80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K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B325">
            <v>21</v>
          </cell>
          <cell r="C325">
            <v>80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B326">
            <v>22</v>
          </cell>
          <cell r="C326">
            <v>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K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B327">
            <v>22</v>
          </cell>
          <cell r="C327">
            <v>10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K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B328">
            <v>22</v>
          </cell>
          <cell r="C328">
            <v>10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B329">
            <v>22</v>
          </cell>
          <cell r="C329">
            <v>10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K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B330">
            <v>22</v>
          </cell>
          <cell r="C330">
            <v>10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B331">
            <v>22</v>
          </cell>
          <cell r="C331">
            <v>10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B332">
            <v>22</v>
          </cell>
          <cell r="C332">
            <v>20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K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B333">
            <v>22</v>
          </cell>
          <cell r="C333">
            <v>20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K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B334">
            <v>22</v>
          </cell>
          <cell r="C334">
            <v>20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B335">
            <v>22</v>
          </cell>
          <cell r="C335">
            <v>20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B336">
            <v>22</v>
          </cell>
          <cell r="C336">
            <v>2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B337">
            <v>22</v>
          </cell>
          <cell r="C337">
            <v>30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K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B338">
            <v>22</v>
          </cell>
          <cell r="C338">
            <v>30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B339">
            <v>22</v>
          </cell>
          <cell r="C339">
            <v>30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B340">
            <v>22</v>
          </cell>
          <cell r="C340">
            <v>30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B341">
            <v>22</v>
          </cell>
          <cell r="C341">
            <v>30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B342">
            <v>22</v>
          </cell>
          <cell r="C342">
            <v>40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K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B343">
            <v>22</v>
          </cell>
          <cell r="C343">
            <v>40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K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B344">
            <v>22</v>
          </cell>
          <cell r="C344">
            <v>40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B345">
            <v>22</v>
          </cell>
          <cell r="C345">
            <v>40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B346">
            <v>22</v>
          </cell>
          <cell r="C346">
            <v>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B347">
            <v>22</v>
          </cell>
          <cell r="C347">
            <v>50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K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B348">
            <v>22</v>
          </cell>
          <cell r="C348">
            <v>50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B349">
            <v>22</v>
          </cell>
          <cell r="C349">
            <v>50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B350">
            <v>22</v>
          </cell>
          <cell r="C350">
            <v>60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K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B351">
            <v>22</v>
          </cell>
          <cell r="C351">
            <v>60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B352">
            <v>22</v>
          </cell>
          <cell r="C352">
            <v>60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B353">
            <v>22</v>
          </cell>
          <cell r="C353">
            <v>60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B354">
            <v>22</v>
          </cell>
          <cell r="C354">
            <v>60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B355">
            <v>22</v>
          </cell>
          <cell r="C355">
            <v>70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K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B356">
            <v>22</v>
          </cell>
          <cell r="C356">
            <v>7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B357">
            <v>22</v>
          </cell>
          <cell r="C357">
            <v>70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B358">
            <v>22</v>
          </cell>
          <cell r="C358">
            <v>70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B359">
            <v>22</v>
          </cell>
          <cell r="C359">
            <v>70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B360">
            <v>22</v>
          </cell>
          <cell r="C360">
            <v>80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K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B361">
            <v>22</v>
          </cell>
          <cell r="C361">
            <v>80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B362">
            <v>22</v>
          </cell>
          <cell r="C362">
            <v>80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B363">
            <v>22</v>
          </cell>
          <cell r="C363">
            <v>80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B364">
            <v>22</v>
          </cell>
          <cell r="C364">
            <v>90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K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B365">
            <v>22</v>
          </cell>
          <cell r="C365">
            <v>90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B366">
            <v>22</v>
          </cell>
          <cell r="C366">
            <v>9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B367">
            <v>23</v>
          </cell>
          <cell r="C367">
            <v>0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K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B368">
            <v>23</v>
          </cell>
          <cell r="C368">
            <v>10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K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B369">
            <v>23</v>
          </cell>
          <cell r="C369">
            <v>10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B370">
            <v>23</v>
          </cell>
          <cell r="C370">
            <v>10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B371">
            <v>23</v>
          </cell>
          <cell r="C371">
            <v>10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K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B372">
            <v>23</v>
          </cell>
          <cell r="C372">
            <v>10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B373">
            <v>23</v>
          </cell>
          <cell r="C373">
            <v>10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B374">
            <v>23</v>
          </cell>
          <cell r="C374">
            <v>10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B375">
            <v>23</v>
          </cell>
          <cell r="C375">
            <v>10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B376">
            <v>23</v>
          </cell>
          <cell r="C376">
            <v>1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B377">
            <v>23</v>
          </cell>
          <cell r="C377">
            <v>10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B378">
            <v>23</v>
          </cell>
          <cell r="C378">
            <v>20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K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B379">
            <v>23</v>
          </cell>
          <cell r="C379">
            <v>20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B380">
            <v>23</v>
          </cell>
          <cell r="C380">
            <v>20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B381">
            <v>23</v>
          </cell>
          <cell r="C381">
            <v>20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K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B382">
            <v>23</v>
          </cell>
          <cell r="C382">
            <v>20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B383">
            <v>23</v>
          </cell>
          <cell r="C383">
            <v>20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B384">
            <v>23</v>
          </cell>
          <cell r="C384">
            <v>20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B385">
            <v>23</v>
          </cell>
          <cell r="C385">
            <v>20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B386">
            <v>24</v>
          </cell>
          <cell r="C386">
            <v>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B387">
            <v>25</v>
          </cell>
          <cell r="C387">
            <v>0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K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B388">
            <v>25</v>
          </cell>
          <cell r="C388">
            <v>10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B389">
            <v>25</v>
          </cell>
          <cell r="C389">
            <v>20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B390">
            <v>25</v>
          </cell>
          <cell r="C390">
            <v>30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B391">
            <v>26</v>
          </cell>
          <cell r="C391">
            <v>0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K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B392">
            <v>26</v>
          </cell>
          <cell r="C392">
            <v>10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B393">
            <v>26</v>
          </cell>
          <cell r="C393">
            <v>20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B394">
            <v>26</v>
          </cell>
          <cell r="C394">
            <v>30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B395">
            <v>27</v>
          </cell>
          <cell r="C395">
            <v>0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K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B396">
            <v>27</v>
          </cell>
          <cell r="C396">
            <v>1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B397">
            <v>27</v>
          </cell>
          <cell r="C397">
            <v>20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B398">
            <v>27</v>
          </cell>
          <cell r="C398">
            <v>30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B399">
            <v>28</v>
          </cell>
          <cell r="C399">
            <v>0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B400" t="str">
            <v/>
          </cell>
          <cell r="C400" t="str">
            <v/>
          </cell>
          <cell r="D400" t="str">
            <v/>
          </cell>
          <cell r="E400" t="str">
            <v/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B401" t="str">
            <v/>
          </cell>
          <cell r="C401" t="str">
            <v/>
          </cell>
          <cell r="D401" t="str">
            <v/>
          </cell>
          <cell r="E401" t="str">
            <v/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B402" t="str">
            <v/>
          </cell>
          <cell r="C402" t="str">
            <v/>
          </cell>
          <cell r="D402" t="str">
            <v/>
          </cell>
          <cell r="E402" t="str">
            <v/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B403" t="str">
            <v/>
          </cell>
          <cell r="C403" t="str">
            <v/>
          </cell>
          <cell r="D403" t="str">
            <v/>
          </cell>
          <cell r="E403" t="str">
            <v/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B404" t="str">
            <v/>
          </cell>
          <cell r="C404" t="str">
            <v/>
          </cell>
          <cell r="D404" t="str">
            <v/>
          </cell>
          <cell r="E404" t="str">
            <v/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B405" t="str">
            <v/>
          </cell>
          <cell r="C405" t="str">
            <v/>
          </cell>
          <cell r="D405" t="str">
            <v/>
          </cell>
          <cell r="E405" t="str">
            <v/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B406" t="str">
            <v/>
          </cell>
          <cell r="C406" t="str">
            <v/>
          </cell>
          <cell r="D406" t="str">
            <v/>
          </cell>
          <cell r="E406" t="str">
            <v/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B407" t="str">
            <v/>
          </cell>
          <cell r="C407" t="str">
            <v/>
          </cell>
          <cell r="D407" t="str">
            <v/>
          </cell>
          <cell r="E407" t="str">
            <v/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B408" t="str">
            <v/>
          </cell>
          <cell r="C408" t="str">
            <v/>
          </cell>
          <cell r="D408" t="str">
            <v/>
          </cell>
          <cell r="E408" t="str">
            <v/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B409" t="str">
            <v/>
          </cell>
          <cell r="C409" t="str">
            <v/>
          </cell>
          <cell r="D409" t="str">
            <v/>
          </cell>
          <cell r="E409" t="str">
            <v/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B410" t="str">
            <v/>
          </cell>
          <cell r="C410" t="str">
            <v/>
          </cell>
          <cell r="D410" t="str">
            <v/>
          </cell>
          <cell r="E410" t="str">
            <v/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B411" t="str">
            <v/>
          </cell>
          <cell r="C411" t="str">
            <v/>
          </cell>
          <cell r="D411" t="str">
            <v/>
          </cell>
          <cell r="E411" t="str">
            <v/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B412" t="str">
            <v/>
          </cell>
          <cell r="C412" t="str">
            <v/>
          </cell>
          <cell r="D412" t="str">
            <v/>
          </cell>
          <cell r="E412" t="str">
            <v/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B413" t="str">
            <v/>
          </cell>
          <cell r="C413" t="str">
            <v/>
          </cell>
          <cell r="D413" t="str">
            <v/>
          </cell>
          <cell r="E413" t="str">
            <v/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B414" t="str">
            <v/>
          </cell>
          <cell r="C414" t="str">
            <v/>
          </cell>
          <cell r="D414" t="str">
            <v/>
          </cell>
          <cell r="E414" t="str">
            <v/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B415" t="str">
            <v/>
          </cell>
          <cell r="C415" t="str">
            <v/>
          </cell>
          <cell r="D415" t="str">
            <v/>
          </cell>
          <cell r="E415" t="str">
            <v/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B416" t="str">
            <v/>
          </cell>
          <cell r="C416" t="str">
            <v/>
          </cell>
          <cell r="D416" t="str">
            <v/>
          </cell>
          <cell r="E416" t="str">
            <v/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B417" t="str">
            <v/>
          </cell>
          <cell r="C417" t="str">
            <v/>
          </cell>
          <cell r="D417" t="str">
            <v/>
          </cell>
          <cell r="E417" t="str">
            <v/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B418" t="str">
            <v/>
          </cell>
          <cell r="C418" t="str">
            <v/>
          </cell>
          <cell r="D418" t="str">
            <v/>
          </cell>
          <cell r="E418" t="str">
            <v/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B419" t="str">
            <v/>
          </cell>
          <cell r="C419" t="str">
            <v/>
          </cell>
          <cell r="D419" t="str">
            <v/>
          </cell>
          <cell r="E419" t="str">
            <v/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B420" t="str">
            <v/>
          </cell>
          <cell r="C420" t="str">
            <v/>
          </cell>
          <cell r="D420" t="str">
            <v/>
          </cell>
          <cell r="E420" t="str">
            <v/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B421" t="str">
            <v/>
          </cell>
          <cell r="C421" t="str">
            <v/>
          </cell>
          <cell r="D421" t="str">
            <v/>
          </cell>
          <cell r="E421" t="str">
            <v/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B422" t="str">
            <v/>
          </cell>
          <cell r="C422" t="str">
            <v/>
          </cell>
          <cell r="D422" t="str">
            <v/>
          </cell>
          <cell r="E422" t="str">
            <v/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B423" t="str">
            <v/>
          </cell>
          <cell r="C423" t="str">
            <v/>
          </cell>
          <cell r="D423" t="str">
            <v/>
          </cell>
          <cell r="E423" t="str">
            <v/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B424" t="str">
            <v/>
          </cell>
          <cell r="C424" t="str">
            <v/>
          </cell>
          <cell r="D424" t="str">
            <v/>
          </cell>
          <cell r="E424" t="str">
            <v/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B425" t="str">
            <v/>
          </cell>
          <cell r="C425" t="str">
            <v/>
          </cell>
          <cell r="D425" t="str">
            <v/>
          </cell>
          <cell r="E425" t="str">
            <v/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B426" t="str">
            <v/>
          </cell>
          <cell r="C426" t="str">
            <v/>
          </cell>
          <cell r="D426" t="str">
            <v/>
          </cell>
          <cell r="E426" t="str">
            <v/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B427" t="str">
            <v/>
          </cell>
          <cell r="C427" t="str">
            <v/>
          </cell>
          <cell r="D427" t="str">
            <v/>
          </cell>
          <cell r="E427" t="str">
            <v/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B428" t="str">
            <v/>
          </cell>
          <cell r="C428" t="str">
            <v/>
          </cell>
          <cell r="D428" t="str">
            <v/>
          </cell>
          <cell r="E428" t="str">
            <v/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B429" t="str">
            <v/>
          </cell>
          <cell r="C429" t="str">
            <v/>
          </cell>
          <cell r="D429" t="str">
            <v/>
          </cell>
          <cell r="E429" t="str">
            <v/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B430" t="str">
            <v/>
          </cell>
          <cell r="C430" t="str">
            <v/>
          </cell>
          <cell r="D430" t="str">
            <v/>
          </cell>
          <cell r="E430" t="str">
            <v/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B431" t="str">
            <v/>
          </cell>
          <cell r="C431" t="str">
            <v/>
          </cell>
          <cell r="D431" t="str">
            <v/>
          </cell>
          <cell r="E431" t="str">
            <v/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B432" t="str">
            <v/>
          </cell>
          <cell r="C432" t="str">
            <v/>
          </cell>
          <cell r="D432" t="str">
            <v/>
          </cell>
          <cell r="E432" t="str">
            <v/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B433" t="str">
            <v/>
          </cell>
          <cell r="C433" t="str">
            <v/>
          </cell>
          <cell r="D433" t="str">
            <v/>
          </cell>
          <cell r="E433" t="str">
            <v/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B434" t="str">
            <v/>
          </cell>
          <cell r="C434" t="str">
            <v/>
          </cell>
          <cell r="D434" t="str">
            <v/>
          </cell>
          <cell r="E434" t="str">
            <v/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B435" t="str">
            <v/>
          </cell>
          <cell r="C435" t="str">
            <v/>
          </cell>
          <cell r="D435" t="str">
            <v/>
          </cell>
          <cell r="E435" t="str">
            <v/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B436" t="str">
            <v/>
          </cell>
          <cell r="C436" t="str">
            <v/>
          </cell>
          <cell r="D436" t="str">
            <v/>
          </cell>
          <cell r="E436" t="str">
            <v/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B437" t="str">
            <v/>
          </cell>
          <cell r="C437" t="str">
            <v/>
          </cell>
          <cell r="D437" t="str">
            <v/>
          </cell>
          <cell r="E437" t="str">
            <v/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B438" t="str">
            <v/>
          </cell>
          <cell r="C438" t="str">
            <v/>
          </cell>
          <cell r="D438" t="str">
            <v/>
          </cell>
          <cell r="E438" t="str">
            <v/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B439" t="str">
            <v/>
          </cell>
          <cell r="C439" t="str">
            <v/>
          </cell>
          <cell r="D439" t="str">
            <v/>
          </cell>
          <cell r="E439" t="str">
            <v/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B440" t="str">
            <v/>
          </cell>
          <cell r="C440" t="str">
            <v/>
          </cell>
          <cell r="D440" t="str">
            <v/>
          </cell>
          <cell r="E440" t="str">
            <v/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B441" t="str">
            <v/>
          </cell>
          <cell r="C441" t="str">
            <v/>
          </cell>
          <cell r="D441" t="str">
            <v/>
          </cell>
          <cell r="E441" t="str">
            <v/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B442" t="str">
            <v/>
          </cell>
          <cell r="C442" t="str">
            <v/>
          </cell>
          <cell r="D442" t="str">
            <v/>
          </cell>
          <cell r="E442" t="str">
            <v/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B443" t="str">
            <v/>
          </cell>
          <cell r="C443" t="str">
            <v/>
          </cell>
          <cell r="D443" t="str">
            <v/>
          </cell>
          <cell r="E443" t="str">
            <v/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B444" t="str">
            <v/>
          </cell>
          <cell r="C444" t="str">
            <v/>
          </cell>
          <cell r="D444" t="str">
            <v/>
          </cell>
          <cell r="E444" t="str">
            <v/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B445" t="str">
            <v/>
          </cell>
          <cell r="C445" t="str">
            <v/>
          </cell>
          <cell r="D445" t="str">
            <v/>
          </cell>
          <cell r="E445" t="str">
            <v/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B446" t="str">
            <v/>
          </cell>
          <cell r="C446" t="str">
            <v/>
          </cell>
          <cell r="D446" t="str">
            <v/>
          </cell>
          <cell r="E446" t="str">
            <v/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B447" t="str">
            <v/>
          </cell>
          <cell r="C447" t="str">
            <v/>
          </cell>
          <cell r="D447" t="str">
            <v/>
          </cell>
          <cell r="E447" t="str">
            <v/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B448" t="str">
            <v/>
          </cell>
          <cell r="C448" t="str">
            <v/>
          </cell>
          <cell r="D448" t="str">
            <v/>
          </cell>
          <cell r="E448" t="str">
            <v/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B449" t="str">
            <v/>
          </cell>
          <cell r="C449" t="str">
            <v/>
          </cell>
          <cell r="D449" t="str">
            <v/>
          </cell>
          <cell r="E449" t="str">
            <v/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B450" t="str">
            <v/>
          </cell>
          <cell r="C450" t="str">
            <v/>
          </cell>
          <cell r="D450" t="str">
            <v/>
          </cell>
          <cell r="E450" t="str">
            <v/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B451" t="str">
            <v/>
          </cell>
          <cell r="C451" t="str">
            <v/>
          </cell>
          <cell r="D451" t="str">
            <v/>
          </cell>
          <cell r="E451" t="str">
            <v/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B452" t="str">
            <v/>
          </cell>
          <cell r="C452" t="str">
            <v/>
          </cell>
          <cell r="D452" t="str">
            <v/>
          </cell>
          <cell r="E452" t="str">
            <v/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B453" t="str">
            <v/>
          </cell>
          <cell r="C453" t="str">
            <v/>
          </cell>
          <cell r="D453" t="str">
            <v/>
          </cell>
          <cell r="E453" t="str">
            <v/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B454" t="str">
            <v/>
          </cell>
          <cell r="C454" t="str">
            <v/>
          </cell>
          <cell r="D454" t="str">
            <v/>
          </cell>
          <cell r="E454" t="str">
            <v/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B455" t="str">
            <v/>
          </cell>
          <cell r="C455" t="str">
            <v/>
          </cell>
          <cell r="D455" t="str">
            <v/>
          </cell>
          <cell r="E455" t="str">
            <v/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B456" t="str">
            <v/>
          </cell>
          <cell r="C456" t="str">
            <v/>
          </cell>
          <cell r="D456" t="str">
            <v/>
          </cell>
          <cell r="E456" t="str">
            <v/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B457" t="str">
            <v/>
          </cell>
          <cell r="C457" t="str">
            <v/>
          </cell>
          <cell r="D457" t="str">
            <v/>
          </cell>
          <cell r="E457" t="str">
            <v/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B458" t="str">
            <v/>
          </cell>
          <cell r="C458" t="str">
            <v/>
          </cell>
          <cell r="D458" t="str">
            <v/>
          </cell>
          <cell r="E458" t="str">
            <v/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B459" t="str">
            <v/>
          </cell>
          <cell r="C459" t="str">
            <v/>
          </cell>
          <cell r="D459" t="str">
            <v/>
          </cell>
          <cell r="E459" t="str">
            <v/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B460" t="str">
            <v/>
          </cell>
          <cell r="C460" t="str">
            <v/>
          </cell>
          <cell r="D460" t="str">
            <v/>
          </cell>
          <cell r="E460" t="str">
            <v/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B461" t="str">
            <v/>
          </cell>
          <cell r="C461" t="str">
            <v/>
          </cell>
          <cell r="D461" t="str">
            <v/>
          </cell>
          <cell r="E461" t="str">
            <v/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B462" t="str">
            <v/>
          </cell>
          <cell r="C462" t="str">
            <v/>
          </cell>
          <cell r="D462" t="str">
            <v/>
          </cell>
          <cell r="E462" t="str">
            <v/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B463" t="str">
            <v/>
          </cell>
          <cell r="C463" t="str">
            <v/>
          </cell>
          <cell r="D463" t="str">
            <v/>
          </cell>
          <cell r="E463" t="str">
            <v/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B464" t="str">
            <v/>
          </cell>
          <cell r="C464" t="str">
            <v/>
          </cell>
          <cell r="D464" t="str">
            <v/>
          </cell>
          <cell r="E464" t="str">
            <v/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B465" t="str">
            <v/>
          </cell>
          <cell r="C465" t="str">
            <v/>
          </cell>
          <cell r="D465" t="str">
            <v/>
          </cell>
          <cell r="E465" t="str">
            <v/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B466" t="str">
            <v/>
          </cell>
          <cell r="C466" t="str">
            <v/>
          </cell>
          <cell r="D466" t="str">
            <v/>
          </cell>
          <cell r="E466" t="str">
            <v/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B467" t="str">
            <v/>
          </cell>
          <cell r="C467" t="str">
            <v/>
          </cell>
          <cell r="D467" t="str">
            <v/>
          </cell>
          <cell r="E467" t="str">
            <v/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B468" t="str">
            <v/>
          </cell>
          <cell r="C468" t="str">
            <v/>
          </cell>
          <cell r="D468" t="str">
            <v/>
          </cell>
          <cell r="E468" t="str">
            <v/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B469" t="str">
            <v/>
          </cell>
          <cell r="C469" t="str">
            <v/>
          </cell>
          <cell r="D469" t="str">
            <v/>
          </cell>
          <cell r="E469" t="str">
            <v/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B470" t="str">
            <v/>
          </cell>
          <cell r="C470" t="str">
            <v/>
          </cell>
          <cell r="D470" t="str">
            <v/>
          </cell>
          <cell r="E470" t="str">
            <v/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B471" t="str">
            <v/>
          </cell>
          <cell r="C471" t="str">
            <v/>
          </cell>
          <cell r="D471" t="str">
            <v/>
          </cell>
          <cell r="E471" t="str">
            <v/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B472" t="str">
            <v/>
          </cell>
          <cell r="C472" t="str">
            <v/>
          </cell>
          <cell r="D472" t="str">
            <v/>
          </cell>
          <cell r="E472" t="str">
            <v/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B473" t="str">
            <v/>
          </cell>
          <cell r="C473" t="str">
            <v/>
          </cell>
          <cell r="D473" t="str">
            <v/>
          </cell>
          <cell r="E473" t="str">
            <v/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B474" t="str">
            <v/>
          </cell>
          <cell r="C474" t="str">
            <v/>
          </cell>
          <cell r="D474" t="str">
            <v/>
          </cell>
          <cell r="E474" t="str">
            <v/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B475" t="str">
            <v/>
          </cell>
          <cell r="C475" t="str">
            <v/>
          </cell>
          <cell r="D475" t="str">
            <v/>
          </cell>
          <cell r="E475" t="str">
            <v/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B476" t="str">
            <v/>
          </cell>
          <cell r="C476" t="str">
            <v/>
          </cell>
          <cell r="D476" t="str">
            <v/>
          </cell>
          <cell r="E476" t="str">
            <v/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B477" t="str">
            <v/>
          </cell>
          <cell r="C477" t="str">
            <v/>
          </cell>
          <cell r="D477" t="str">
            <v/>
          </cell>
          <cell r="E477" t="str">
            <v/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B478" t="str">
            <v/>
          </cell>
          <cell r="C478" t="str">
            <v/>
          </cell>
          <cell r="D478" t="str">
            <v/>
          </cell>
          <cell r="E478" t="str">
            <v/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B479" t="str">
            <v/>
          </cell>
          <cell r="C479" t="str">
            <v/>
          </cell>
          <cell r="D479" t="str">
            <v/>
          </cell>
          <cell r="E479" t="str">
            <v/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B480" t="str">
            <v/>
          </cell>
          <cell r="C480" t="str">
            <v/>
          </cell>
          <cell r="D480" t="str">
            <v/>
          </cell>
          <cell r="E480" t="str">
            <v/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B481" t="str">
            <v/>
          </cell>
          <cell r="C481" t="str">
            <v/>
          </cell>
          <cell r="D481" t="str">
            <v/>
          </cell>
          <cell r="E481" t="str">
            <v/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B482" t="str">
            <v/>
          </cell>
          <cell r="C482" t="str">
            <v/>
          </cell>
          <cell r="D482" t="str">
            <v/>
          </cell>
          <cell r="E482" t="str">
            <v/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B483" t="str">
            <v/>
          </cell>
          <cell r="C483" t="str">
            <v/>
          </cell>
          <cell r="D483" t="str">
            <v/>
          </cell>
          <cell r="E483" t="str">
            <v/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B484" t="str">
            <v/>
          </cell>
          <cell r="C484" t="str">
            <v/>
          </cell>
          <cell r="D484" t="str">
            <v/>
          </cell>
          <cell r="E484" t="str">
            <v/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B485" t="str">
            <v/>
          </cell>
          <cell r="C485" t="str">
            <v/>
          </cell>
          <cell r="D485" t="str">
            <v/>
          </cell>
          <cell r="E485" t="str">
            <v/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B486" t="str">
            <v/>
          </cell>
          <cell r="C486" t="str">
            <v/>
          </cell>
          <cell r="D486" t="str">
            <v/>
          </cell>
          <cell r="E486" t="str">
            <v/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B487" t="str">
            <v/>
          </cell>
          <cell r="C487" t="str">
            <v/>
          </cell>
          <cell r="D487" t="str">
            <v/>
          </cell>
          <cell r="E487" t="str">
            <v/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B488" t="str">
            <v/>
          </cell>
          <cell r="C488" t="str">
            <v/>
          </cell>
          <cell r="D488" t="str">
            <v/>
          </cell>
          <cell r="E488" t="str">
            <v/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B489" t="str">
            <v/>
          </cell>
          <cell r="C489" t="str">
            <v/>
          </cell>
          <cell r="D489" t="str">
            <v/>
          </cell>
          <cell r="E489" t="str">
            <v/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B490" t="str">
            <v/>
          </cell>
          <cell r="C490" t="str">
            <v/>
          </cell>
          <cell r="D490" t="str">
            <v/>
          </cell>
          <cell r="E490" t="str">
            <v/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B491" t="str">
            <v/>
          </cell>
          <cell r="C491" t="str">
            <v/>
          </cell>
          <cell r="D491" t="str">
            <v/>
          </cell>
          <cell r="E491" t="str">
            <v/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B492" t="str">
            <v/>
          </cell>
          <cell r="C492" t="str">
            <v/>
          </cell>
          <cell r="D492" t="str">
            <v/>
          </cell>
          <cell r="E492" t="str">
            <v/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B493" t="str">
            <v/>
          </cell>
          <cell r="C493" t="str">
            <v/>
          </cell>
          <cell r="D493" t="str">
            <v/>
          </cell>
          <cell r="E493" t="str">
            <v/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B494" t="str">
            <v/>
          </cell>
          <cell r="C494" t="str">
            <v/>
          </cell>
          <cell r="D494" t="str">
            <v/>
          </cell>
          <cell r="E494" t="str">
            <v/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B495" t="str">
            <v/>
          </cell>
          <cell r="C495" t="str">
            <v/>
          </cell>
          <cell r="D495" t="str">
            <v/>
          </cell>
          <cell r="E495" t="str">
            <v/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B496" t="str">
            <v/>
          </cell>
          <cell r="C496" t="str">
            <v/>
          </cell>
          <cell r="D496" t="str">
            <v/>
          </cell>
          <cell r="E496" t="str">
            <v/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B497" t="str">
            <v/>
          </cell>
          <cell r="C497" t="str">
            <v/>
          </cell>
          <cell r="D497" t="str">
            <v/>
          </cell>
          <cell r="E497" t="str">
            <v/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B498" t="str">
            <v/>
          </cell>
          <cell r="C498" t="str">
            <v/>
          </cell>
          <cell r="D498" t="str">
            <v/>
          </cell>
          <cell r="E498" t="str">
            <v/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B499" t="str">
            <v/>
          </cell>
          <cell r="C499" t="str">
            <v/>
          </cell>
          <cell r="D499" t="str">
            <v/>
          </cell>
          <cell r="E499" t="str">
            <v/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B500" t="str">
            <v/>
          </cell>
          <cell r="C500" t="str">
            <v/>
          </cell>
          <cell r="D500" t="str">
            <v/>
          </cell>
          <cell r="E500" t="str">
            <v/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B501" t="str">
            <v/>
          </cell>
          <cell r="C501" t="str">
            <v/>
          </cell>
          <cell r="D501" t="str">
            <v/>
          </cell>
          <cell r="E501" t="str">
            <v/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B502" t="str">
            <v/>
          </cell>
          <cell r="C502" t="str">
            <v/>
          </cell>
          <cell r="D502" t="str">
            <v/>
          </cell>
          <cell r="E502" t="str">
            <v/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B503" t="str">
            <v/>
          </cell>
          <cell r="C503" t="str">
            <v/>
          </cell>
          <cell r="D503" t="str">
            <v/>
          </cell>
          <cell r="E503" t="str">
            <v/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B504" t="str">
            <v/>
          </cell>
          <cell r="C504" t="str">
            <v/>
          </cell>
          <cell r="D504" t="str">
            <v/>
          </cell>
          <cell r="E504" t="str">
            <v/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B505" t="str">
            <v/>
          </cell>
          <cell r="C505" t="str">
            <v/>
          </cell>
          <cell r="D505" t="str">
            <v/>
          </cell>
          <cell r="E505" t="str">
            <v/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B506" t="str">
            <v/>
          </cell>
          <cell r="C506" t="str">
            <v/>
          </cell>
          <cell r="D506" t="str">
            <v/>
          </cell>
          <cell r="E506" t="str">
            <v/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B507" t="str">
            <v/>
          </cell>
          <cell r="C507" t="str">
            <v/>
          </cell>
          <cell r="D507" t="str">
            <v/>
          </cell>
          <cell r="E507" t="str">
            <v/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B508" t="str">
            <v/>
          </cell>
          <cell r="C508" t="str">
            <v/>
          </cell>
          <cell r="D508" t="str">
            <v/>
          </cell>
          <cell r="E508" t="str">
            <v/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B509" t="str">
            <v/>
          </cell>
          <cell r="C509" t="str">
            <v/>
          </cell>
          <cell r="D509" t="str">
            <v/>
          </cell>
          <cell r="E509" t="str">
            <v/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B510" t="str">
            <v/>
          </cell>
          <cell r="C510" t="str">
            <v/>
          </cell>
          <cell r="D510" t="str">
            <v/>
          </cell>
          <cell r="E510" t="str">
            <v/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B511" t="str">
            <v/>
          </cell>
          <cell r="C511" t="str">
            <v/>
          </cell>
          <cell r="D511" t="str">
            <v/>
          </cell>
          <cell r="E511" t="str">
            <v/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B512" t="str">
            <v/>
          </cell>
          <cell r="C512" t="str">
            <v/>
          </cell>
          <cell r="D512" t="str">
            <v/>
          </cell>
          <cell r="E512" t="str">
            <v/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B513" t="str">
            <v/>
          </cell>
          <cell r="C513" t="str">
            <v/>
          </cell>
          <cell r="D513" t="str">
            <v/>
          </cell>
          <cell r="E513" t="str">
            <v/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B514" t="str">
            <v/>
          </cell>
          <cell r="C514" t="str">
            <v/>
          </cell>
          <cell r="D514" t="str">
            <v/>
          </cell>
          <cell r="E514" t="str">
            <v/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B515" t="str">
            <v/>
          </cell>
          <cell r="C515" t="str">
            <v/>
          </cell>
          <cell r="D515" t="str">
            <v/>
          </cell>
          <cell r="E515" t="str">
            <v/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B516" t="str">
            <v/>
          </cell>
          <cell r="C516" t="str">
            <v/>
          </cell>
          <cell r="D516" t="str">
            <v/>
          </cell>
          <cell r="E516" t="str">
            <v/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B517" t="str">
            <v/>
          </cell>
          <cell r="C517" t="str">
            <v/>
          </cell>
          <cell r="D517" t="str">
            <v/>
          </cell>
          <cell r="E517" t="str">
            <v/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B518" t="str">
            <v/>
          </cell>
          <cell r="C518" t="str">
            <v/>
          </cell>
          <cell r="D518" t="str">
            <v/>
          </cell>
          <cell r="E518" t="str">
            <v/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B519" t="str">
            <v/>
          </cell>
          <cell r="C519" t="str">
            <v/>
          </cell>
          <cell r="D519" t="str">
            <v/>
          </cell>
          <cell r="E519" t="str">
            <v/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B520" t="str">
            <v/>
          </cell>
          <cell r="C520" t="str">
            <v/>
          </cell>
          <cell r="D520" t="str">
            <v/>
          </cell>
          <cell r="E520" t="str">
            <v/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B521" t="str">
            <v/>
          </cell>
          <cell r="C521" t="str">
            <v/>
          </cell>
          <cell r="D521" t="str">
            <v/>
          </cell>
          <cell r="E521" t="str">
            <v/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B522" t="str">
            <v/>
          </cell>
          <cell r="C522" t="str">
            <v/>
          </cell>
          <cell r="D522" t="str">
            <v/>
          </cell>
          <cell r="E522" t="str">
            <v/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B523" t="str">
            <v/>
          </cell>
          <cell r="C523" t="str">
            <v/>
          </cell>
          <cell r="D523" t="str">
            <v/>
          </cell>
          <cell r="E523" t="str">
            <v/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B524" t="str">
            <v/>
          </cell>
          <cell r="C524" t="str">
            <v/>
          </cell>
          <cell r="D524" t="str">
            <v/>
          </cell>
          <cell r="E524" t="str">
            <v/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B525" t="str">
            <v/>
          </cell>
          <cell r="C525" t="str">
            <v/>
          </cell>
          <cell r="D525" t="str">
            <v/>
          </cell>
          <cell r="E525" t="str">
            <v/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B526" t="str">
            <v/>
          </cell>
          <cell r="C526" t="str">
            <v/>
          </cell>
          <cell r="D526" t="str">
            <v/>
          </cell>
          <cell r="E526" t="str">
            <v/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B527" t="str">
            <v/>
          </cell>
          <cell r="C527" t="str">
            <v/>
          </cell>
          <cell r="D527" t="str">
            <v/>
          </cell>
          <cell r="E527" t="str">
            <v/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B528" t="str">
            <v/>
          </cell>
          <cell r="C528" t="str">
            <v/>
          </cell>
          <cell r="D528" t="str">
            <v/>
          </cell>
          <cell r="E528" t="str">
            <v/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B529" t="str">
            <v/>
          </cell>
          <cell r="C529" t="str">
            <v/>
          </cell>
          <cell r="D529" t="str">
            <v/>
          </cell>
          <cell r="E529" t="str">
            <v/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B530" t="str">
            <v/>
          </cell>
          <cell r="C530" t="str">
            <v/>
          </cell>
          <cell r="D530" t="str">
            <v/>
          </cell>
          <cell r="E530" t="str">
            <v/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B531" t="str">
            <v/>
          </cell>
          <cell r="C531" t="str">
            <v/>
          </cell>
          <cell r="D531" t="str">
            <v/>
          </cell>
          <cell r="E531" t="str">
            <v/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B532" t="str">
            <v/>
          </cell>
          <cell r="C532" t="str">
            <v/>
          </cell>
          <cell r="D532" t="str">
            <v/>
          </cell>
          <cell r="E532" t="str">
            <v/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B533" t="str">
            <v/>
          </cell>
          <cell r="C533" t="str">
            <v/>
          </cell>
          <cell r="D533" t="str">
            <v/>
          </cell>
          <cell r="E533" t="str">
            <v/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B534" t="str">
            <v/>
          </cell>
          <cell r="C534" t="str">
            <v/>
          </cell>
          <cell r="D534" t="str">
            <v/>
          </cell>
          <cell r="E534" t="str">
            <v/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B535" t="str">
            <v/>
          </cell>
          <cell r="C535" t="str">
            <v/>
          </cell>
          <cell r="D535" t="str">
            <v/>
          </cell>
          <cell r="E535" t="str">
            <v/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B536" t="str">
            <v/>
          </cell>
          <cell r="C536" t="str">
            <v/>
          </cell>
          <cell r="D536" t="str">
            <v/>
          </cell>
          <cell r="E536" t="str">
            <v/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B537" t="str">
            <v/>
          </cell>
          <cell r="C537" t="str">
            <v/>
          </cell>
          <cell r="D537" t="str">
            <v/>
          </cell>
          <cell r="E537" t="str">
            <v/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B538" t="str">
            <v/>
          </cell>
          <cell r="C538" t="str">
            <v/>
          </cell>
          <cell r="D538" t="str">
            <v/>
          </cell>
          <cell r="E538" t="str">
            <v/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B539" t="str">
            <v/>
          </cell>
          <cell r="C539" t="str">
            <v/>
          </cell>
          <cell r="D539" t="str">
            <v/>
          </cell>
          <cell r="E539" t="str">
            <v/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B540" t="str">
            <v/>
          </cell>
          <cell r="C540" t="str">
            <v/>
          </cell>
          <cell r="D540" t="str">
            <v/>
          </cell>
          <cell r="E540" t="str">
            <v/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B541" t="str">
            <v/>
          </cell>
          <cell r="C541" t="str">
            <v/>
          </cell>
          <cell r="D541" t="str">
            <v/>
          </cell>
          <cell r="E541" t="str">
            <v/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B542" t="str">
            <v/>
          </cell>
          <cell r="C542" t="str">
            <v/>
          </cell>
          <cell r="D542" t="str">
            <v/>
          </cell>
          <cell r="E542" t="str">
            <v/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B543" t="str">
            <v/>
          </cell>
          <cell r="C543" t="str">
            <v/>
          </cell>
          <cell r="D543" t="str">
            <v/>
          </cell>
          <cell r="E543" t="str">
            <v/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B544" t="str">
            <v/>
          </cell>
          <cell r="C544" t="str">
            <v/>
          </cell>
          <cell r="D544" t="str">
            <v/>
          </cell>
          <cell r="E544" t="str">
            <v/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B545" t="str">
            <v/>
          </cell>
          <cell r="C545" t="str">
            <v/>
          </cell>
          <cell r="D545" t="str">
            <v/>
          </cell>
          <cell r="E545" t="str">
            <v/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B546" t="str">
            <v/>
          </cell>
          <cell r="C546" t="str">
            <v/>
          </cell>
          <cell r="D546" t="str">
            <v/>
          </cell>
          <cell r="E546" t="str">
            <v/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B547" t="str">
            <v/>
          </cell>
          <cell r="C547" t="str">
            <v/>
          </cell>
          <cell r="D547" t="str">
            <v/>
          </cell>
          <cell r="E547" t="str">
            <v/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B548" t="str">
            <v/>
          </cell>
          <cell r="C548" t="str">
            <v/>
          </cell>
          <cell r="D548" t="str">
            <v/>
          </cell>
          <cell r="E548" t="str">
            <v/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B549" t="str">
            <v/>
          </cell>
          <cell r="C549" t="str">
            <v/>
          </cell>
          <cell r="D549" t="str">
            <v/>
          </cell>
          <cell r="E549" t="str">
            <v/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B550" t="str">
            <v/>
          </cell>
          <cell r="C550" t="str">
            <v/>
          </cell>
          <cell r="D550" t="str">
            <v/>
          </cell>
          <cell r="E550" t="str">
            <v/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B551" t="str">
            <v/>
          </cell>
          <cell r="C551" t="str">
            <v/>
          </cell>
          <cell r="D551" t="str">
            <v/>
          </cell>
          <cell r="E551" t="str">
            <v/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B552" t="str">
            <v/>
          </cell>
          <cell r="C552" t="str">
            <v/>
          </cell>
          <cell r="D552" t="str">
            <v/>
          </cell>
          <cell r="E552" t="str">
            <v/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B553" t="str">
            <v/>
          </cell>
          <cell r="C553" t="str">
            <v/>
          </cell>
          <cell r="D553" t="str">
            <v/>
          </cell>
          <cell r="E553" t="str">
            <v/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B554" t="str">
            <v/>
          </cell>
          <cell r="C554" t="str">
            <v/>
          </cell>
          <cell r="D554" t="str">
            <v/>
          </cell>
          <cell r="E554" t="str">
            <v/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B555" t="str">
            <v/>
          </cell>
          <cell r="C555" t="str">
            <v/>
          </cell>
          <cell r="D555" t="str">
            <v/>
          </cell>
          <cell r="E555" t="str">
            <v/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B556" t="str">
            <v/>
          </cell>
          <cell r="C556" t="str">
            <v/>
          </cell>
          <cell r="D556" t="str">
            <v/>
          </cell>
          <cell r="E556" t="str">
            <v/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B557" t="str">
            <v/>
          </cell>
          <cell r="C557" t="str">
            <v/>
          </cell>
          <cell r="D557" t="str">
            <v/>
          </cell>
          <cell r="E557" t="str">
            <v/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B558" t="str">
            <v/>
          </cell>
          <cell r="C558" t="str">
            <v/>
          </cell>
          <cell r="D558" t="str">
            <v/>
          </cell>
          <cell r="E558" t="str">
            <v/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B559" t="str">
            <v/>
          </cell>
          <cell r="C559" t="str">
            <v/>
          </cell>
          <cell r="D559" t="str">
            <v/>
          </cell>
          <cell r="E559" t="str">
            <v/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B560" t="str">
            <v/>
          </cell>
          <cell r="C560" t="str">
            <v/>
          </cell>
          <cell r="D560" t="str">
            <v/>
          </cell>
          <cell r="E560" t="str">
            <v/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B561" t="str">
            <v/>
          </cell>
          <cell r="C561" t="str">
            <v/>
          </cell>
          <cell r="D561" t="str">
            <v/>
          </cell>
          <cell r="E561" t="str">
            <v/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B562" t="str">
            <v/>
          </cell>
          <cell r="C562" t="str">
            <v/>
          </cell>
          <cell r="D562" t="str">
            <v/>
          </cell>
          <cell r="E562" t="str">
            <v/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B563" t="str">
            <v/>
          </cell>
          <cell r="C563" t="str">
            <v/>
          </cell>
          <cell r="D563" t="str">
            <v/>
          </cell>
          <cell r="E563" t="str">
            <v/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B564" t="str">
            <v/>
          </cell>
          <cell r="C564" t="str">
            <v/>
          </cell>
          <cell r="D564" t="str">
            <v/>
          </cell>
          <cell r="E564" t="str">
            <v/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B565" t="str">
            <v/>
          </cell>
          <cell r="C565" t="str">
            <v/>
          </cell>
          <cell r="D565" t="str">
            <v/>
          </cell>
          <cell r="E565" t="str">
            <v/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B566" t="str">
            <v/>
          </cell>
          <cell r="C566" t="str">
            <v/>
          </cell>
          <cell r="D566" t="str">
            <v/>
          </cell>
          <cell r="E566" t="str">
            <v/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B567" t="str">
            <v/>
          </cell>
          <cell r="C567" t="str">
            <v/>
          </cell>
          <cell r="D567" t="str">
            <v/>
          </cell>
          <cell r="E567" t="str">
            <v/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B568" t="str">
            <v/>
          </cell>
          <cell r="C568" t="str">
            <v/>
          </cell>
          <cell r="D568" t="str">
            <v/>
          </cell>
          <cell r="E568" t="str">
            <v/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B569" t="str">
            <v/>
          </cell>
          <cell r="C569" t="str">
            <v/>
          </cell>
          <cell r="D569" t="str">
            <v/>
          </cell>
          <cell r="E569" t="str">
            <v/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B570" t="str">
            <v/>
          </cell>
          <cell r="C570" t="str">
            <v/>
          </cell>
          <cell r="D570" t="str">
            <v/>
          </cell>
          <cell r="E570" t="str">
            <v/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B571" t="str">
            <v/>
          </cell>
          <cell r="C571" t="str">
            <v/>
          </cell>
          <cell r="D571" t="str">
            <v/>
          </cell>
          <cell r="E571" t="str">
            <v/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B572" t="str">
            <v/>
          </cell>
          <cell r="C572" t="str">
            <v/>
          </cell>
          <cell r="D572" t="str">
            <v/>
          </cell>
          <cell r="E572" t="str">
            <v/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B573" t="str">
            <v/>
          </cell>
          <cell r="C573" t="str">
            <v/>
          </cell>
          <cell r="D573" t="str">
            <v/>
          </cell>
          <cell r="E573" t="str">
            <v/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B574" t="str">
            <v/>
          </cell>
          <cell r="C574" t="str">
            <v/>
          </cell>
          <cell r="D574" t="str">
            <v/>
          </cell>
          <cell r="E574" t="str">
            <v/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B575" t="str">
            <v/>
          </cell>
          <cell r="C575" t="str">
            <v/>
          </cell>
          <cell r="D575" t="str">
            <v/>
          </cell>
          <cell r="E575" t="str">
            <v/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B576" t="str">
            <v/>
          </cell>
          <cell r="C576" t="str">
            <v/>
          </cell>
          <cell r="D576" t="str">
            <v/>
          </cell>
          <cell r="E576" t="str">
            <v/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B577" t="str">
            <v/>
          </cell>
          <cell r="C577" t="str">
            <v/>
          </cell>
          <cell r="D577" t="str">
            <v/>
          </cell>
          <cell r="E577" t="str">
            <v/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配布ファイル作成"/>
      <sheetName val="Sheet1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キャッシュフロー計算書（本表））"/>
      <sheetName val="雛型（純資産変動計算書（本表））"/>
      <sheetName val="雛型（貸借対照表（概要版））"/>
      <sheetName val="雛型（行政コスト計算書（概要版））"/>
      <sheetName val="雛型（キャッシュフロー計算書（概要版））"/>
      <sheetName val="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 refreshError="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A1:O30"/>
  <sheetViews>
    <sheetView tabSelected="1" view="pageBreakPreview" topLeftCell="A6" zoomScale="115" zoomScaleNormal="100" zoomScaleSheetLayoutView="115" workbookViewId="0">
      <selection activeCell="T16" sqref="T16"/>
    </sheetView>
  </sheetViews>
  <sheetFormatPr defaultColWidth="8.875" defaultRowHeight="13.5" x14ac:dyDescent="0.4"/>
  <cols>
    <col min="1" max="1" width="0.875" style="3" customWidth="1"/>
    <col min="2" max="2" width="3.75" style="3" customWidth="1"/>
    <col min="3" max="3" width="16.75" style="3" customWidth="1"/>
    <col min="4" max="13" width="8.5" style="3" customWidth="1"/>
    <col min="14" max="14" width="16.25" style="3" customWidth="1"/>
    <col min="15" max="15" width="0.625" style="3" customWidth="1"/>
    <col min="16" max="16" width="0.375" style="3" customWidth="1"/>
    <col min="17" max="16384" width="8.875" style="3"/>
  </cols>
  <sheetData>
    <row r="1" spans="1:15" ht="18.75" hidden="1" customHeight="1" x14ac:dyDescent="0.4">
      <c r="A1" s="1" t="s">
        <v>0</v>
      </c>
      <c r="B1" s="2"/>
      <c r="C1" s="2"/>
      <c r="D1" s="2"/>
      <c r="E1" s="2"/>
    </row>
    <row r="2" spans="1:15" ht="24.75" hidden="1" customHeight="1" x14ac:dyDescent="0.4">
      <c r="A2" s="4" t="s">
        <v>1</v>
      </c>
      <c r="B2" s="4"/>
      <c r="C2" s="4"/>
      <c r="D2" s="4"/>
      <c r="E2" s="4"/>
      <c r="F2" s="4"/>
      <c r="G2" s="4"/>
      <c r="H2" s="4"/>
      <c r="I2" s="4"/>
      <c r="J2" s="4"/>
      <c r="K2" s="4"/>
      <c r="L2" s="4"/>
      <c r="M2" s="4"/>
      <c r="N2" s="4"/>
      <c r="O2" s="4"/>
    </row>
    <row r="3" spans="1:15" ht="19.5" hidden="1" customHeight="1" x14ac:dyDescent="0.4">
      <c r="A3" s="1" t="s">
        <v>2</v>
      </c>
      <c r="B3" s="2"/>
      <c r="C3" s="2"/>
      <c r="D3" s="2"/>
      <c r="E3" s="2"/>
      <c r="F3" s="5"/>
      <c r="G3" s="5"/>
      <c r="H3" s="5"/>
      <c r="I3" s="5"/>
      <c r="J3" s="5"/>
      <c r="K3" s="5"/>
      <c r="L3" s="5"/>
      <c r="M3" s="5"/>
      <c r="N3" s="5"/>
    </row>
    <row r="4" spans="1:15" ht="17.25" hidden="1" customHeight="1" x14ac:dyDescent="0.4">
      <c r="A4" s="6" t="s">
        <v>3</v>
      </c>
      <c r="B4" s="6"/>
      <c r="C4" s="6"/>
      <c r="D4" s="6"/>
      <c r="E4" s="6"/>
      <c r="F4" s="6"/>
      <c r="G4" s="6"/>
      <c r="H4" s="6"/>
      <c r="I4" s="6"/>
      <c r="J4" s="6"/>
      <c r="K4" s="6"/>
      <c r="L4" s="6"/>
      <c r="M4" s="6"/>
      <c r="N4" s="6"/>
    </row>
    <row r="5" spans="1:15" ht="16.5" hidden="1" customHeight="1" x14ac:dyDescent="0.4">
      <c r="A5" s="1" t="s">
        <v>4</v>
      </c>
      <c r="B5" s="2"/>
      <c r="C5" s="2"/>
      <c r="D5" s="2"/>
      <c r="E5" s="2"/>
      <c r="F5" s="2"/>
      <c r="G5" s="2"/>
      <c r="H5" s="2"/>
      <c r="I5" s="2"/>
      <c r="J5" s="2"/>
      <c r="K5" s="2"/>
      <c r="L5" s="2"/>
      <c r="M5" s="2"/>
      <c r="N5" s="2"/>
    </row>
    <row r="6" spans="1:15" ht="1.5" customHeight="1" x14ac:dyDescent="0.4"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  <c r="N6" s="7"/>
    </row>
    <row r="7" spans="1:15" ht="16.5" customHeight="1" x14ac:dyDescent="0.4">
      <c r="A7" s="8" t="s">
        <v>5</v>
      </c>
      <c r="B7" s="9"/>
      <c r="C7" s="9"/>
      <c r="D7" s="9"/>
      <c r="E7" s="9"/>
      <c r="F7" s="9"/>
      <c r="G7" s="9"/>
      <c r="H7" s="9"/>
      <c r="I7" s="9"/>
      <c r="J7" s="9"/>
      <c r="K7" s="9"/>
      <c r="L7" s="9"/>
      <c r="M7" s="9"/>
      <c r="N7" s="9"/>
    </row>
    <row r="8" spans="1:15" ht="20.25" customHeight="1" x14ac:dyDescent="0.4">
      <c r="A8" s="10"/>
      <c r="B8" s="31" t="s">
        <v>6</v>
      </c>
      <c r="C8" s="32"/>
      <c r="D8" s="33"/>
      <c r="E8" s="33"/>
      <c r="F8" s="33"/>
      <c r="G8" s="33"/>
      <c r="H8" s="33"/>
      <c r="I8" s="33"/>
      <c r="J8" s="33"/>
      <c r="K8" s="33"/>
      <c r="L8" s="33"/>
      <c r="M8" s="34" t="s">
        <v>7</v>
      </c>
      <c r="N8" s="33"/>
      <c r="O8" s="10"/>
    </row>
    <row r="9" spans="1:15" ht="37.5" customHeight="1" x14ac:dyDescent="0.4">
      <c r="A9" s="10"/>
      <c r="B9" s="11" t="s">
        <v>8</v>
      </c>
      <c r="C9" s="11"/>
      <c r="D9" s="12" t="s">
        <v>9</v>
      </c>
      <c r="E9" s="13"/>
      <c r="F9" s="12" t="s">
        <v>10</v>
      </c>
      <c r="G9" s="13"/>
      <c r="H9" s="12" t="s">
        <v>11</v>
      </c>
      <c r="I9" s="13"/>
      <c r="J9" s="13" t="s">
        <v>12</v>
      </c>
      <c r="K9" s="11"/>
      <c r="L9" s="37" t="s">
        <v>13</v>
      </c>
      <c r="M9" s="38"/>
      <c r="N9" s="14"/>
      <c r="O9" s="10"/>
    </row>
    <row r="10" spans="1:15" ht="14.1" customHeight="1" x14ac:dyDescent="0.4">
      <c r="A10" s="10"/>
      <c r="B10" s="15" t="s">
        <v>14</v>
      </c>
      <c r="C10" s="15"/>
      <c r="D10" s="16">
        <v>6299391720291</v>
      </c>
      <c r="E10" s="17"/>
      <c r="F10" s="16">
        <v>8933392714428</v>
      </c>
      <c r="G10" s="17"/>
      <c r="H10" s="16">
        <v>2594891124348</v>
      </c>
      <c r="I10" s="17"/>
      <c r="J10" s="16">
        <v>80612474598</v>
      </c>
      <c r="K10" s="17"/>
      <c r="L10" s="16">
        <v>6257889115482</v>
      </c>
      <c r="M10" s="17"/>
      <c r="N10" s="14"/>
      <c r="O10" s="10"/>
    </row>
    <row r="11" spans="1:15" ht="14.1" customHeight="1" x14ac:dyDescent="0.4">
      <c r="A11" s="10"/>
      <c r="B11" s="15" t="s">
        <v>15</v>
      </c>
      <c r="C11" s="15"/>
      <c r="D11" s="16">
        <v>4136890162456</v>
      </c>
      <c r="E11" s="17"/>
      <c r="F11" s="16">
        <v>4144694922297</v>
      </c>
      <c r="G11" s="17"/>
      <c r="H11" s="18">
        <v>0</v>
      </c>
      <c r="I11" s="19"/>
      <c r="J11" s="17">
        <v>15262488195</v>
      </c>
      <c r="K11" s="20"/>
      <c r="L11" s="16">
        <v>4129432434102</v>
      </c>
      <c r="M11" s="17"/>
      <c r="N11" s="14"/>
      <c r="O11" s="10"/>
    </row>
    <row r="12" spans="1:15" ht="14.1" customHeight="1" x14ac:dyDescent="0.4">
      <c r="A12" s="10"/>
      <c r="B12" s="21" t="s">
        <v>16</v>
      </c>
      <c r="C12" s="21"/>
      <c r="D12" s="18">
        <v>0</v>
      </c>
      <c r="E12" s="19"/>
      <c r="F12" s="18">
        <v>0</v>
      </c>
      <c r="G12" s="19"/>
      <c r="H12" s="18">
        <v>0</v>
      </c>
      <c r="I12" s="19"/>
      <c r="J12" s="19">
        <v>0</v>
      </c>
      <c r="K12" s="22"/>
      <c r="L12" s="18">
        <v>0</v>
      </c>
      <c r="M12" s="19"/>
      <c r="N12" s="14"/>
      <c r="O12" s="10"/>
    </row>
    <row r="13" spans="1:15" ht="14.1" customHeight="1" x14ac:dyDescent="0.4">
      <c r="A13" s="10"/>
      <c r="B13" s="21" t="s">
        <v>17</v>
      </c>
      <c r="C13" s="21"/>
      <c r="D13" s="16">
        <v>1458698938394</v>
      </c>
      <c r="E13" s="17"/>
      <c r="F13" s="16">
        <v>3348642838015</v>
      </c>
      <c r="G13" s="17"/>
      <c r="H13" s="16">
        <v>1849509025718</v>
      </c>
      <c r="I13" s="17"/>
      <c r="J13" s="17">
        <v>64612416538</v>
      </c>
      <c r="K13" s="20"/>
      <c r="L13" s="16">
        <v>1434521395759</v>
      </c>
      <c r="M13" s="17"/>
      <c r="N13" s="14"/>
      <c r="O13" s="10"/>
    </row>
    <row r="14" spans="1:15" ht="14.1" customHeight="1" x14ac:dyDescent="0.4">
      <c r="A14" s="10"/>
      <c r="B14" s="15" t="s">
        <v>18</v>
      </c>
      <c r="C14" s="15"/>
      <c r="D14" s="16">
        <v>654259452653</v>
      </c>
      <c r="E14" s="17"/>
      <c r="F14" s="16">
        <v>1382659024064</v>
      </c>
      <c r="G14" s="17"/>
      <c r="H14" s="16">
        <v>739899265561</v>
      </c>
      <c r="I14" s="17"/>
      <c r="J14" s="17">
        <v>737569865</v>
      </c>
      <c r="K14" s="20"/>
      <c r="L14" s="16">
        <v>642022188638</v>
      </c>
      <c r="M14" s="17"/>
      <c r="N14" s="14"/>
      <c r="O14" s="10"/>
    </row>
    <row r="15" spans="1:15" ht="14.1" customHeight="1" x14ac:dyDescent="0.4">
      <c r="A15" s="10"/>
      <c r="B15" s="21" t="s">
        <v>19</v>
      </c>
      <c r="C15" s="21"/>
      <c r="D15" s="16">
        <v>8</v>
      </c>
      <c r="E15" s="17"/>
      <c r="F15" s="16">
        <v>2880018602</v>
      </c>
      <c r="G15" s="17"/>
      <c r="H15" s="16">
        <v>2880018594</v>
      </c>
      <c r="I15" s="17"/>
      <c r="J15" s="19">
        <v>0</v>
      </c>
      <c r="K15" s="22"/>
      <c r="L15" s="16">
        <v>8</v>
      </c>
      <c r="M15" s="17"/>
      <c r="N15" s="14"/>
      <c r="O15" s="10"/>
    </row>
    <row r="16" spans="1:15" ht="14.1" customHeight="1" x14ac:dyDescent="0.4">
      <c r="A16" s="10"/>
      <c r="B16" s="15" t="s">
        <v>20</v>
      </c>
      <c r="C16" s="15"/>
      <c r="D16" s="16">
        <v>9859945</v>
      </c>
      <c r="E16" s="17"/>
      <c r="F16" s="16">
        <v>626318525</v>
      </c>
      <c r="G16" s="17"/>
      <c r="H16" s="16">
        <v>623606242</v>
      </c>
      <c r="I16" s="17"/>
      <c r="J16" s="19">
        <v>0</v>
      </c>
      <c r="K16" s="22"/>
      <c r="L16" s="16">
        <v>2712283</v>
      </c>
      <c r="M16" s="17"/>
      <c r="N16" s="14"/>
      <c r="O16" s="10"/>
    </row>
    <row r="17" spans="1:15" ht="14.1" customHeight="1" x14ac:dyDescent="0.4">
      <c r="A17" s="10"/>
      <c r="B17" s="21" t="s">
        <v>21</v>
      </c>
      <c r="C17" s="21"/>
      <c r="D17" s="16">
        <v>2</v>
      </c>
      <c r="E17" s="17"/>
      <c r="F17" s="16">
        <v>1972670000</v>
      </c>
      <c r="G17" s="17"/>
      <c r="H17" s="16">
        <v>1972669998</v>
      </c>
      <c r="I17" s="17"/>
      <c r="J17" s="19">
        <v>0</v>
      </c>
      <c r="K17" s="22"/>
      <c r="L17" s="16">
        <v>2</v>
      </c>
      <c r="M17" s="17"/>
      <c r="N17" s="14"/>
      <c r="O17" s="10"/>
    </row>
    <row r="18" spans="1:15" ht="14.1" customHeight="1" x14ac:dyDescent="0.4">
      <c r="A18" s="10"/>
      <c r="B18" s="21" t="s">
        <v>22</v>
      </c>
      <c r="C18" s="21"/>
      <c r="D18" s="16">
        <v>154799827</v>
      </c>
      <c r="E18" s="17"/>
      <c r="F18" s="16">
        <v>33304583</v>
      </c>
      <c r="G18" s="17"/>
      <c r="H18" s="16">
        <v>6538235</v>
      </c>
      <c r="I18" s="17"/>
      <c r="J18" s="19">
        <v>0</v>
      </c>
      <c r="K18" s="22"/>
      <c r="L18" s="16">
        <v>26766348</v>
      </c>
      <c r="M18" s="17"/>
      <c r="N18" s="14"/>
      <c r="O18" s="10"/>
    </row>
    <row r="19" spans="1:15" ht="14.1" customHeight="1" x14ac:dyDescent="0.4">
      <c r="A19" s="10"/>
      <c r="B19" s="21" t="s">
        <v>23</v>
      </c>
      <c r="C19" s="21"/>
      <c r="D19" s="16">
        <v>49378507006</v>
      </c>
      <c r="E19" s="17"/>
      <c r="F19" s="16">
        <v>51883618342</v>
      </c>
      <c r="G19" s="17"/>
      <c r="H19" s="18">
        <v>0</v>
      </c>
      <c r="I19" s="19"/>
      <c r="J19" s="19">
        <v>0</v>
      </c>
      <c r="K19" s="22"/>
      <c r="L19" s="16">
        <v>51883618342</v>
      </c>
      <c r="M19" s="17"/>
      <c r="N19" s="14"/>
      <c r="O19" s="10"/>
    </row>
    <row r="20" spans="1:15" ht="14.1" customHeight="1" x14ac:dyDescent="0.4">
      <c r="A20" s="10"/>
      <c r="B20" s="35" t="s">
        <v>24</v>
      </c>
      <c r="C20" s="35"/>
      <c r="D20" s="16">
        <v>9769088065708</v>
      </c>
      <c r="E20" s="17"/>
      <c r="F20" s="16">
        <v>12023100183221</v>
      </c>
      <c r="G20" s="17"/>
      <c r="H20" s="16">
        <v>2277483694016</v>
      </c>
      <c r="I20" s="17"/>
      <c r="J20" s="18">
        <v>0</v>
      </c>
      <c r="K20" s="19"/>
      <c r="L20" s="16">
        <v>9745616489205</v>
      </c>
      <c r="M20" s="17"/>
      <c r="N20" s="36"/>
      <c r="O20" s="10"/>
    </row>
    <row r="21" spans="1:15" ht="14.1" customHeight="1" x14ac:dyDescent="0.4">
      <c r="A21" s="10"/>
      <c r="B21" s="15" t="s">
        <v>25</v>
      </c>
      <c r="C21" s="15"/>
      <c r="D21" s="16">
        <v>7537670670513</v>
      </c>
      <c r="E21" s="17"/>
      <c r="F21" s="16">
        <v>7540107419452</v>
      </c>
      <c r="G21" s="17"/>
      <c r="H21" s="18">
        <v>0</v>
      </c>
      <c r="I21" s="19"/>
      <c r="J21" s="19">
        <v>0</v>
      </c>
      <c r="K21" s="22"/>
      <c r="L21" s="16">
        <v>7540107419452</v>
      </c>
      <c r="M21" s="17"/>
      <c r="N21" s="14"/>
      <c r="O21" s="10"/>
    </row>
    <row r="22" spans="1:15" ht="14.1" customHeight="1" x14ac:dyDescent="0.4">
      <c r="A22" s="10"/>
      <c r="B22" s="21" t="s">
        <v>26</v>
      </c>
      <c r="C22" s="21"/>
      <c r="D22" s="16">
        <v>91593495223</v>
      </c>
      <c r="E22" s="17"/>
      <c r="F22" s="16">
        <v>212566153562</v>
      </c>
      <c r="G22" s="17"/>
      <c r="H22" s="16">
        <v>125667325742</v>
      </c>
      <c r="I22" s="17"/>
      <c r="J22" s="19">
        <v>0</v>
      </c>
      <c r="K22" s="22"/>
      <c r="L22" s="16">
        <v>86898827820</v>
      </c>
      <c r="M22" s="17"/>
      <c r="N22" s="14"/>
      <c r="O22" s="10"/>
    </row>
    <row r="23" spans="1:15" ht="14.1" customHeight="1" x14ac:dyDescent="0.4">
      <c r="A23" s="10"/>
      <c r="B23" s="15" t="s">
        <v>18</v>
      </c>
      <c r="C23" s="15"/>
      <c r="D23" s="16">
        <v>1898803980987</v>
      </c>
      <c r="E23" s="17"/>
      <c r="F23" s="16">
        <v>4011662393368</v>
      </c>
      <c r="G23" s="17"/>
      <c r="H23" s="16">
        <v>2151816368274</v>
      </c>
      <c r="I23" s="17"/>
      <c r="J23" s="19">
        <v>0</v>
      </c>
      <c r="K23" s="22"/>
      <c r="L23" s="16">
        <v>1859846025094</v>
      </c>
      <c r="M23" s="17"/>
      <c r="N23" s="14"/>
      <c r="O23" s="10"/>
    </row>
    <row r="24" spans="1:15" ht="14.1" customHeight="1" x14ac:dyDescent="0.4">
      <c r="A24" s="10"/>
      <c r="B24" s="15" t="s">
        <v>22</v>
      </c>
      <c r="C24" s="15"/>
      <c r="D24" s="18">
        <v>0</v>
      </c>
      <c r="E24" s="19"/>
      <c r="F24" s="18">
        <v>0</v>
      </c>
      <c r="G24" s="19"/>
      <c r="H24" s="18">
        <v>0</v>
      </c>
      <c r="I24" s="19"/>
      <c r="J24" s="19">
        <v>0</v>
      </c>
      <c r="K24" s="22"/>
      <c r="L24" s="18">
        <v>0</v>
      </c>
      <c r="M24" s="19"/>
      <c r="N24" s="14"/>
      <c r="O24" s="10"/>
    </row>
    <row r="25" spans="1:15" ht="14.1" customHeight="1" x14ac:dyDescent="0.4">
      <c r="A25" s="10"/>
      <c r="B25" s="21" t="s">
        <v>23</v>
      </c>
      <c r="C25" s="21"/>
      <c r="D25" s="16">
        <v>241019918985</v>
      </c>
      <c r="E25" s="17"/>
      <c r="F25" s="16">
        <v>258764216839</v>
      </c>
      <c r="G25" s="17"/>
      <c r="H25" s="18">
        <v>0</v>
      </c>
      <c r="I25" s="19"/>
      <c r="J25" s="19">
        <v>0</v>
      </c>
      <c r="K25" s="22"/>
      <c r="L25" s="16">
        <v>258764216839</v>
      </c>
      <c r="M25" s="17"/>
      <c r="N25" s="14"/>
      <c r="O25" s="10"/>
    </row>
    <row r="26" spans="1:15" ht="14.1" customHeight="1" x14ac:dyDescent="0.4">
      <c r="A26" s="10"/>
      <c r="B26" s="15" t="s">
        <v>27</v>
      </c>
      <c r="C26" s="15"/>
      <c r="D26" s="16">
        <v>432515530180</v>
      </c>
      <c r="E26" s="17"/>
      <c r="F26" s="16">
        <v>1339546050092</v>
      </c>
      <c r="G26" s="17"/>
      <c r="H26" s="16">
        <v>910510186577</v>
      </c>
      <c r="I26" s="17"/>
      <c r="J26" s="17">
        <v>182540728</v>
      </c>
      <c r="K26" s="20"/>
      <c r="L26" s="16">
        <v>428853322787</v>
      </c>
      <c r="M26" s="17"/>
      <c r="N26" s="14"/>
      <c r="O26" s="10"/>
    </row>
    <row r="27" spans="1:15" ht="14.1" customHeight="1" x14ac:dyDescent="0.4">
      <c r="A27" s="10"/>
      <c r="B27" s="23" t="s">
        <v>28</v>
      </c>
      <c r="C27" s="24"/>
      <c r="D27" s="16">
        <v>16500995316179</v>
      </c>
      <c r="E27" s="17"/>
      <c r="F27" s="16">
        <v>22296038947741</v>
      </c>
      <c r="G27" s="17"/>
      <c r="H27" s="16">
        <v>5782885004941</v>
      </c>
      <c r="I27" s="17"/>
      <c r="J27" s="16">
        <v>80795015326</v>
      </c>
      <c r="K27" s="17"/>
      <c r="L27" s="16">
        <v>16432358927474</v>
      </c>
      <c r="M27" s="17"/>
      <c r="N27" s="14"/>
      <c r="O27" s="10"/>
    </row>
    <row r="28" spans="1:15" ht="8.4499999999999993" customHeight="1" x14ac:dyDescent="0.4">
      <c r="A28" s="10"/>
      <c r="B28" s="25"/>
      <c r="C28" s="26"/>
      <c r="D28" s="26"/>
      <c r="E28" s="26"/>
      <c r="F28" s="26"/>
      <c r="G28" s="26"/>
      <c r="H28" s="27"/>
      <c r="I28" s="27"/>
      <c r="J28" s="27"/>
      <c r="K28" s="27"/>
      <c r="L28" s="28"/>
      <c r="M28" s="28"/>
      <c r="N28" s="28"/>
      <c r="O28" s="10"/>
    </row>
    <row r="29" spans="1:15" ht="17.25" customHeight="1" x14ac:dyDescent="0.4">
      <c r="A29" s="10"/>
      <c r="B29" s="29" t="s">
        <v>29</v>
      </c>
      <c r="C29" s="29"/>
      <c r="D29" s="29"/>
      <c r="E29" s="29"/>
      <c r="F29" s="29"/>
      <c r="G29" s="29"/>
      <c r="H29" s="29"/>
      <c r="I29" s="29"/>
      <c r="J29" s="29"/>
      <c r="K29" s="29"/>
      <c r="L29" s="29"/>
      <c r="M29" s="29"/>
      <c r="N29" s="30"/>
      <c r="O29" s="10"/>
    </row>
    <row r="30" spans="1:15" ht="17.25" customHeight="1" x14ac:dyDescent="0.4">
      <c r="A30" s="10"/>
      <c r="B30" s="29" t="s">
        <v>30</v>
      </c>
      <c r="C30" s="29"/>
      <c r="D30" s="29"/>
      <c r="E30" s="29"/>
      <c r="F30" s="29"/>
      <c r="G30" s="29"/>
      <c r="H30" s="29"/>
      <c r="I30" s="29"/>
      <c r="J30" s="29"/>
      <c r="K30" s="29"/>
      <c r="L30" s="29"/>
      <c r="M30" s="29"/>
      <c r="N30" s="30"/>
      <c r="O30" s="10"/>
    </row>
  </sheetData>
  <mergeCells count="122">
    <mergeCell ref="J27:K27"/>
    <mergeCell ref="L27:M27"/>
    <mergeCell ref="B29:M29"/>
    <mergeCell ref="B30:M30"/>
    <mergeCell ref="B27:C27"/>
    <mergeCell ref="D27:E27"/>
    <mergeCell ref="F27:G27"/>
    <mergeCell ref="H27:I27"/>
    <mergeCell ref="J25:K25"/>
    <mergeCell ref="L25:M25"/>
    <mergeCell ref="B26:C26"/>
    <mergeCell ref="D26:E26"/>
    <mergeCell ref="F26:G26"/>
    <mergeCell ref="H26:I26"/>
    <mergeCell ref="J26:K26"/>
    <mergeCell ref="L26:M26"/>
    <mergeCell ref="B25:C25"/>
    <mergeCell ref="D25:E25"/>
    <mergeCell ref="F25:G25"/>
    <mergeCell ref="H25:I25"/>
    <mergeCell ref="J23:K23"/>
    <mergeCell ref="L23:M23"/>
    <mergeCell ref="B24:C24"/>
    <mergeCell ref="D24:E24"/>
    <mergeCell ref="F24:G24"/>
    <mergeCell ref="H24:I24"/>
    <mergeCell ref="J24:K24"/>
    <mergeCell ref="L24:M24"/>
    <mergeCell ref="B23:C23"/>
    <mergeCell ref="D23:E23"/>
    <mergeCell ref="F23:G23"/>
    <mergeCell ref="H23:I23"/>
    <mergeCell ref="J21:K21"/>
    <mergeCell ref="L21:M21"/>
    <mergeCell ref="B22:C22"/>
    <mergeCell ref="D22:E22"/>
    <mergeCell ref="F22:G22"/>
    <mergeCell ref="H22:I22"/>
    <mergeCell ref="J22:K22"/>
    <mergeCell ref="L22:M22"/>
    <mergeCell ref="B21:C21"/>
    <mergeCell ref="D21:E21"/>
    <mergeCell ref="F21:G21"/>
    <mergeCell ref="H21:I21"/>
    <mergeCell ref="J19:K19"/>
    <mergeCell ref="L19:M19"/>
    <mergeCell ref="B20:C20"/>
    <mergeCell ref="D20:E20"/>
    <mergeCell ref="F20:G20"/>
    <mergeCell ref="H20:I20"/>
    <mergeCell ref="J20:K20"/>
    <mergeCell ref="L20:M20"/>
    <mergeCell ref="B19:C19"/>
    <mergeCell ref="D19:E19"/>
    <mergeCell ref="F19:G19"/>
    <mergeCell ref="H19:I19"/>
    <mergeCell ref="J17:K17"/>
    <mergeCell ref="L17:M17"/>
    <mergeCell ref="B18:C18"/>
    <mergeCell ref="D18:E18"/>
    <mergeCell ref="F18:G18"/>
    <mergeCell ref="H18:I18"/>
    <mergeCell ref="J18:K18"/>
    <mergeCell ref="L18:M18"/>
    <mergeCell ref="B17:C17"/>
    <mergeCell ref="D17:E17"/>
    <mergeCell ref="F17:G17"/>
    <mergeCell ref="H17:I17"/>
    <mergeCell ref="J15:K15"/>
    <mergeCell ref="L15:M15"/>
    <mergeCell ref="B16:C16"/>
    <mergeCell ref="D16:E16"/>
    <mergeCell ref="F16:G16"/>
    <mergeCell ref="H16:I16"/>
    <mergeCell ref="J16:K16"/>
    <mergeCell ref="L16:M16"/>
    <mergeCell ref="B15:C15"/>
    <mergeCell ref="D15:E15"/>
    <mergeCell ref="F15:G15"/>
    <mergeCell ref="H15:I15"/>
    <mergeCell ref="J13:K13"/>
    <mergeCell ref="L13:M13"/>
    <mergeCell ref="B14:C14"/>
    <mergeCell ref="D14:E14"/>
    <mergeCell ref="F14:G14"/>
    <mergeCell ref="H14:I14"/>
    <mergeCell ref="J14:K14"/>
    <mergeCell ref="L14:M14"/>
    <mergeCell ref="B13:C13"/>
    <mergeCell ref="D13:E13"/>
    <mergeCell ref="F13:G13"/>
    <mergeCell ref="H13:I13"/>
    <mergeCell ref="J11:K11"/>
    <mergeCell ref="L11:M11"/>
    <mergeCell ref="B12:C12"/>
    <mergeCell ref="D12:E12"/>
    <mergeCell ref="F12:G12"/>
    <mergeCell ref="H12:I12"/>
    <mergeCell ref="J12:K12"/>
    <mergeCell ref="L12:M12"/>
    <mergeCell ref="B11:C11"/>
    <mergeCell ref="D11:E11"/>
    <mergeCell ref="F11:G11"/>
    <mergeCell ref="H11:I11"/>
    <mergeCell ref="J9:K9"/>
    <mergeCell ref="L9:M9"/>
    <mergeCell ref="B10:C10"/>
    <mergeCell ref="D10:E10"/>
    <mergeCell ref="F10:G10"/>
    <mergeCell ref="H10:I10"/>
    <mergeCell ref="J10:K10"/>
    <mergeCell ref="L10:M10"/>
    <mergeCell ref="B9:C9"/>
    <mergeCell ref="D9:E9"/>
    <mergeCell ref="F9:G9"/>
    <mergeCell ref="H9:I9"/>
    <mergeCell ref="A1:E1"/>
    <mergeCell ref="A2:O2"/>
    <mergeCell ref="A3:E3"/>
    <mergeCell ref="A4:N4"/>
    <mergeCell ref="A5:N5"/>
    <mergeCell ref="B6:N6"/>
  </mergeCells>
  <phoneticPr fontId="3"/>
  <printOptions horizontalCentered="1" verticalCentered="1"/>
  <pageMargins left="0" right="0" top="0" bottom="0" header="0.31496062992125984" footer="0.31496062992125984"/>
  <pageSetup paperSize="9" scale="115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有形固定資産の明細（連結）</vt:lpstr>
      <vt:lpstr>'有形固定資産の明細（連結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1-03-23T07:45:41Z</cp:lastPrinted>
  <dcterms:created xsi:type="dcterms:W3CDTF">2021-03-23T07:44:37Z</dcterms:created>
  <dcterms:modified xsi:type="dcterms:W3CDTF">2021-03-23T07:47:38Z</dcterms:modified>
</cp:coreProperties>
</file>